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13932\Documents\PRIVAT\KVERNBIT\"/>
    </mc:Choice>
  </mc:AlternateContent>
  <bookViews>
    <workbookView xWindow="0" yWindow="0" windowWidth="19200" windowHeight="7485"/>
  </bookViews>
  <sheets>
    <sheet name="Aug-medio sept." sheetId="2" r:id="rId1"/>
    <sheet name="Dommarliste" sheetId="3" r:id="rId2"/>
    <sheet name="Sheet2" sheetId="4" r:id="rId3"/>
  </sheets>
  <definedNames>
    <definedName name="_xlnm._FilterDatabase" localSheetId="0" hidden="1">'Aug-medio sept.'!$A$1:$P$91</definedName>
    <definedName name="_xlnm._FilterDatabase" localSheetId="1" hidden="1">Dommarliste!$A$2:$J$2</definedName>
  </definedNames>
  <calcPr calcId="0"/>
</workbook>
</file>

<file path=xl/sharedStrings.xml><?xml version="1.0" encoding="utf-8"?>
<sst xmlns="http://schemas.openxmlformats.org/spreadsheetml/2006/main" count="1295" uniqueCount="398">
  <si>
    <t>Runde</t>
  </si>
  <si>
    <t>Dato</t>
  </si>
  <si>
    <t>Dag</t>
  </si>
  <si>
    <t>Tid</t>
  </si>
  <si>
    <t>Hjemmelag</t>
  </si>
  <si>
    <t>Resultat</t>
  </si>
  <si>
    <t>Bortelag</t>
  </si>
  <si>
    <t>Bane</t>
  </si>
  <si>
    <t>Turnering</t>
  </si>
  <si>
    <t>Kampnummer</t>
  </si>
  <si>
    <t>2</t>
  </si>
  <si>
    <t>lørdag</t>
  </si>
  <si>
    <t>-</t>
  </si>
  <si>
    <t>Fossemyra Kunstgress 1</t>
  </si>
  <si>
    <t>3</t>
  </si>
  <si>
    <t>søndag</t>
  </si>
  <si>
    <t>18:00</t>
  </si>
  <si>
    <t>Kvernbit 2</t>
  </si>
  <si>
    <t>Fossemyra kunstgress 2</t>
  </si>
  <si>
    <t>20:00</t>
  </si>
  <si>
    <t xml:space="preserve">Kvernbit </t>
  </si>
  <si>
    <t>Fossemyra Kunstgress 1 7er A</t>
  </si>
  <si>
    <t>Veteran o/40 2 div. avd. 01</t>
  </si>
  <si>
    <t>24.04.2018</t>
  </si>
  <si>
    <t>tirsdag</t>
  </si>
  <si>
    <t>17:15</t>
  </si>
  <si>
    <t>Kvernbit Koala</t>
  </si>
  <si>
    <t>Tertnes Superjenter Blå</t>
  </si>
  <si>
    <t>Fossemyra Kunstgress 1 7er B</t>
  </si>
  <si>
    <t>J10 avd 01</t>
  </si>
  <si>
    <t>12210001007</t>
  </si>
  <si>
    <t>Kvernbit Storm</t>
  </si>
  <si>
    <t>Flaktveit Lama</t>
  </si>
  <si>
    <t>G11 avd 02</t>
  </si>
  <si>
    <t>12111002005</t>
  </si>
  <si>
    <t>18:30</t>
  </si>
  <si>
    <t>Kvernbit Kvit</t>
  </si>
  <si>
    <t xml:space="preserve">Øystese </t>
  </si>
  <si>
    <t>Fossemyra Kunstgress 2 9er B</t>
  </si>
  <si>
    <t>G12 avd 09 (Nivå 2)</t>
  </si>
  <si>
    <t>12112209007</t>
  </si>
  <si>
    <t>26.04.2018</t>
  </si>
  <si>
    <t>torsdag</t>
  </si>
  <si>
    <t>Kvernbit Ulv</t>
  </si>
  <si>
    <t>Tertnes Hvit Ravn</t>
  </si>
  <si>
    <t>G10 avd 04</t>
  </si>
  <si>
    <t>12110004007</t>
  </si>
  <si>
    <t>Kvernbit 1</t>
  </si>
  <si>
    <t>4</t>
  </si>
  <si>
    <t>fredag</t>
  </si>
  <si>
    <t>5 div. Menn avd. 03</t>
  </si>
  <si>
    <t>28.04.2018</t>
  </si>
  <si>
    <t>11:00</t>
  </si>
  <si>
    <t>Kvernbit Bjørn</t>
  </si>
  <si>
    <t>Åsane  Rev</t>
  </si>
  <si>
    <t>G10 avd 01</t>
  </si>
  <si>
    <t>12110001005</t>
  </si>
  <si>
    <t>7 div. Menn avd. 04</t>
  </si>
  <si>
    <t>03.05.2018</t>
  </si>
  <si>
    <t>Bergen Nord Marikollen</t>
  </si>
  <si>
    <t>Fossemyra Kunstgress 1 9er B</t>
  </si>
  <si>
    <t>J12 avd 02 (Nivå 2)</t>
  </si>
  <si>
    <t>12212202011</t>
  </si>
  <si>
    <t>06.05.2018</t>
  </si>
  <si>
    <t>16:00</t>
  </si>
  <si>
    <t>Kvernbit Svart</t>
  </si>
  <si>
    <t>Fyllingsdalen Sælen</t>
  </si>
  <si>
    <t>Fossemyra Kunstgress 2 9er A</t>
  </si>
  <si>
    <t>G12 avd 02 (Nivå 1)</t>
  </si>
  <si>
    <t>12112202013</t>
  </si>
  <si>
    <t>Kvernbit</t>
  </si>
  <si>
    <t xml:space="preserve">Eidfjord </t>
  </si>
  <si>
    <t>G15 7er</t>
  </si>
  <si>
    <t>12115701010</t>
  </si>
  <si>
    <t>Løv-Ham</t>
  </si>
  <si>
    <t>12140201010</t>
  </si>
  <si>
    <t>08.05.2018</t>
  </si>
  <si>
    <t xml:space="preserve">Lindås </t>
  </si>
  <si>
    <t>J11 avd 01</t>
  </si>
  <si>
    <t>12211001010</t>
  </si>
  <si>
    <t xml:space="preserve">Valestrand Hjellvik </t>
  </si>
  <si>
    <t>G13 2 div. avd. 04</t>
  </si>
  <si>
    <t>12113204017</t>
  </si>
  <si>
    <t>09.05.2018</t>
  </si>
  <si>
    <t>onsdag</t>
  </si>
  <si>
    <t>Nordhordland 2</t>
  </si>
  <si>
    <t>Sædalen 2</t>
  </si>
  <si>
    <t>G16 3 div. avd. 02</t>
  </si>
  <si>
    <t>12116302017</t>
  </si>
  <si>
    <t>10.05.2018</t>
  </si>
  <si>
    <t>Arna-Bjørnar Garnes 2</t>
  </si>
  <si>
    <t>12110001014</t>
  </si>
  <si>
    <t xml:space="preserve">Eidsvåg </t>
  </si>
  <si>
    <t>12210001016</t>
  </si>
  <si>
    <t>6</t>
  </si>
  <si>
    <t>13.05.2018</t>
  </si>
  <si>
    <t>14:00</t>
  </si>
  <si>
    <t>Loddefjord 2</t>
  </si>
  <si>
    <t>12120503033</t>
  </si>
  <si>
    <t>5</t>
  </si>
  <si>
    <t xml:space="preserve">Hausvik </t>
  </si>
  <si>
    <t>12120704022</t>
  </si>
  <si>
    <t>15.05.2018</t>
  </si>
  <si>
    <t>Bergen Nord Tellevik/Salhus</t>
  </si>
  <si>
    <t>12111002014</t>
  </si>
  <si>
    <t>Kvernbit Tornado</t>
  </si>
  <si>
    <t xml:space="preserve">Hordabø </t>
  </si>
  <si>
    <t>G11 avd 01</t>
  </si>
  <si>
    <t>12111001013</t>
  </si>
  <si>
    <t>22.05.2018</t>
  </si>
  <si>
    <t>Nordhordland Alvidra</t>
  </si>
  <si>
    <t>12211001018</t>
  </si>
  <si>
    <t>24.05.2018</t>
  </si>
  <si>
    <t xml:space="preserve">Nordre Holsnøy </t>
  </si>
  <si>
    <t>12112209019</t>
  </si>
  <si>
    <t>Åsane  Jerv</t>
  </si>
  <si>
    <t>12110004019</t>
  </si>
  <si>
    <t>27.05.2018</t>
  </si>
  <si>
    <t>Smørås</t>
  </si>
  <si>
    <t>12115701018</t>
  </si>
  <si>
    <t xml:space="preserve">Sotra  </t>
  </si>
  <si>
    <t>12140201018</t>
  </si>
  <si>
    <t>29.05.2018</t>
  </si>
  <si>
    <t xml:space="preserve">Masfjord  </t>
  </si>
  <si>
    <t>12111001022</t>
  </si>
  <si>
    <t>Nordhordland NBK Knarvik City</t>
  </si>
  <si>
    <t>12111002023</t>
  </si>
  <si>
    <t>12211001024</t>
  </si>
  <si>
    <t>31.05.2018</t>
  </si>
  <si>
    <t>Voss Lilla</t>
  </si>
  <si>
    <t>12212202021</t>
  </si>
  <si>
    <t>7</t>
  </si>
  <si>
    <t>Gneist Gepard 115</t>
  </si>
  <si>
    <t>Fossemyra Kunstgress 1 9er A</t>
  </si>
  <si>
    <t>12112202033</t>
  </si>
  <si>
    <t>8</t>
  </si>
  <si>
    <t>03.06.2018</t>
  </si>
  <si>
    <t>Austrheim Brunsnegl</t>
  </si>
  <si>
    <t>12110001023</t>
  </si>
  <si>
    <t>07.06.2018</t>
  </si>
  <si>
    <t>Samnanger Sommerfugler</t>
  </si>
  <si>
    <t>12210001027</t>
  </si>
  <si>
    <t>Arna-Bjørnar Garnes 1</t>
  </si>
  <si>
    <t>12110004027</t>
  </si>
  <si>
    <t>Flaktveit Svart</t>
  </si>
  <si>
    <t>12112209027</t>
  </si>
  <si>
    <t>Samnanger</t>
  </si>
  <si>
    <t>9</t>
  </si>
  <si>
    <t>14.06.2018</t>
  </si>
  <si>
    <t>Tertnes Gooners</t>
  </si>
  <si>
    <t>12112202045</t>
  </si>
  <si>
    <t>16.06.2018</t>
  </si>
  <si>
    <t>Lindås Rød</t>
  </si>
  <si>
    <t>12110001032</t>
  </si>
  <si>
    <t>10</t>
  </si>
  <si>
    <t>Dommar</t>
  </si>
  <si>
    <t>Torsdag</t>
  </si>
  <si>
    <t>Tirsdag</t>
  </si>
  <si>
    <t>Simon Sæle Kjenes</t>
  </si>
  <si>
    <t>Maria Jordal</t>
  </si>
  <si>
    <t>Martine S. Hansen</t>
  </si>
  <si>
    <t>Sigrid Aalen Jacobsen</t>
  </si>
  <si>
    <t>Simen Bolset</t>
  </si>
  <si>
    <t>Alexander Absalonsen</t>
  </si>
  <si>
    <t>Rebekka Birkeland</t>
  </si>
  <si>
    <t>Lars Jøssang</t>
  </si>
  <si>
    <t>Tobias Granberg Husebø</t>
  </si>
  <si>
    <t>Mohammad Hareth H. Al-Jomaa</t>
  </si>
  <si>
    <t>Mats Hellen Kårbø</t>
  </si>
  <si>
    <t>Kristian Jansen Henriksen</t>
  </si>
  <si>
    <t>Sebastian Salsheden</t>
  </si>
  <si>
    <t>Per Morten Ones Dale</t>
  </si>
  <si>
    <t>Nikolai Blomberg</t>
  </si>
  <si>
    <t>Lars Martin R. Kjøndal</t>
  </si>
  <si>
    <t>Andreas Hernar</t>
  </si>
  <si>
    <t>Noel Mihkel Sbhat</t>
  </si>
  <si>
    <t>10:00-14:00</t>
  </si>
  <si>
    <t>Ida Sofie Myhr</t>
  </si>
  <si>
    <t>Lea Skauge</t>
  </si>
  <si>
    <t>Julianne Wellbrock</t>
  </si>
  <si>
    <t>Heidi Storsæt</t>
  </si>
  <si>
    <t>Thea Mørch Fosse</t>
  </si>
  <si>
    <t>???</t>
  </si>
  <si>
    <t>Casper Gripsgård</t>
  </si>
  <si>
    <t>Dennis Monstad</t>
  </si>
  <si>
    <t>Mathias Gaustad</t>
  </si>
  <si>
    <t>Zakaria Hassan Ali</t>
  </si>
  <si>
    <t>Miniturnering</t>
  </si>
  <si>
    <t>G09 Miniturnering</t>
  </si>
  <si>
    <t>Lagleiar må ta kontakt med dommarane for å avtale nærmare tidspunkt når dette er klart.</t>
  </si>
  <si>
    <t>21.08.2018</t>
  </si>
  <si>
    <t>Fossemyra Kunstgress 1 7er C</t>
  </si>
  <si>
    <t>12110004029</t>
  </si>
  <si>
    <t>Noel Michel Sbhat</t>
  </si>
  <si>
    <t>Åsane  Ørn</t>
  </si>
  <si>
    <t>12111002031</t>
  </si>
  <si>
    <t>Arna-Bjørnar Garnes/Ådnamarka 2</t>
  </si>
  <si>
    <t>12210001035</t>
  </si>
  <si>
    <t>28.08.2018</t>
  </si>
  <si>
    <t>Masfjord  Brekke</t>
  </si>
  <si>
    <t>12211001034</t>
  </si>
  <si>
    <t>Radøy/Manger FK Raud</t>
  </si>
  <si>
    <t>12111001036</t>
  </si>
  <si>
    <t>30.08.2018</t>
  </si>
  <si>
    <t>12212202033</t>
  </si>
  <si>
    <t>11</t>
  </si>
  <si>
    <t>Gneist Gekko</t>
  </si>
  <si>
    <t>12112202051</t>
  </si>
  <si>
    <t>01.09.2018</t>
  </si>
  <si>
    <t>Nordhordland NBK Alvidra 2</t>
  </si>
  <si>
    <t>12110001040</t>
  </si>
  <si>
    <t>Arna-Bjørnar Garnes/Ådnamarka 1</t>
  </si>
  <si>
    <t>12210001038</t>
  </si>
  <si>
    <t>04.09.2018</t>
  </si>
  <si>
    <t>12111001039</t>
  </si>
  <si>
    <t xml:space="preserve">Eikanger </t>
  </si>
  <si>
    <t>12111002038</t>
  </si>
  <si>
    <t>06.09.2018</t>
  </si>
  <si>
    <t>12110004040</t>
  </si>
  <si>
    <t>Nordhordland NBK Alvidra 3</t>
  </si>
  <si>
    <t>12112209040</t>
  </si>
  <si>
    <t>11.09.2018</t>
  </si>
  <si>
    <t>12211001041</t>
  </si>
  <si>
    <t>13.09.2018</t>
  </si>
  <si>
    <t>12112209043</t>
  </si>
  <si>
    <t>13</t>
  </si>
  <si>
    <t>Olsvik Falcons</t>
  </si>
  <si>
    <t>12112202062</t>
  </si>
  <si>
    <t>12</t>
  </si>
  <si>
    <t>15.09.2018</t>
  </si>
  <si>
    <t>12210001045</t>
  </si>
  <si>
    <t>Nordhordland NBK Knarvik Rød</t>
  </si>
  <si>
    <t>12110004043</t>
  </si>
  <si>
    <t>Casper H. Gripsgård</t>
  </si>
  <si>
    <t>Mohammad Hareth Al-Jomaa</t>
  </si>
  <si>
    <t>Mathias B. Gaustad</t>
  </si>
  <si>
    <t>Lars Martin Kjøndal</t>
  </si>
  <si>
    <t>Tertnes Barcelona</t>
  </si>
  <si>
    <t>Fossemyra Kunstgress 1 5er</t>
  </si>
  <si>
    <t>J09</t>
  </si>
  <si>
    <t>Hanne Eikrem Åmdal</t>
  </si>
  <si>
    <t>Gjena Topalli</t>
  </si>
  <si>
    <t>Maria Isabelle Straumøy Chetty</t>
  </si>
  <si>
    <t>Kvernbit J09</t>
  </si>
  <si>
    <t>Arna-Bjørnar Garnes</t>
  </si>
  <si>
    <t>Arna-Bjørnar Ådnamarka</t>
  </si>
  <si>
    <t>Fossemyra 5er</t>
  </si>
  <si>
    <t>Hedda Hjelmtveit Gotaas</t>
  </si>
  <si>
    <t>Bergen Nord Marikollen Blå</t>
  </si>
  <si>
    <t>Zakaria Hassan</t>
  </si>
  <si>
    <t>16.09.2018</t>
  </si>
  <si>
    <t>10:30</t>
  </si>
  <si>
    <t>12:00</t>
  </si>
  <si>
    <t>18.09.2018</t>
  </si>
  <si>
    <t>Radøy/Manger FK Blå</t>
  </si>
  <si>
    <t>12111002047</t>
  </si>
  <si>
    <t>20.09.2018</t>
  </si>
  <si>
    <t xml:space="preserve">Hovding  </t>
  </si>
  <si>
    <t>12212202046</t>
  </si>
  <si>
    <t>15</t>
  </si>
  <si>
    <t>23.09.2018</t>
  </si>
  <si>
    <t xml:space="preserve">Hetlevik </t>
  </si>
  <si>
    <t>12140201041</t>
  </si>
  <si>
    <t>27.09.2018</t>
  </si>
  <si>
    <t>Kjøkkelvik United</t>
  </si>
  <si>
    <t>12112202073</t>
  </si>
  <si>
    <t>Tertnes Hvit Panter</t>
  </si>
  <si>
    <t>12112209050</t>
  </si>
  <si>
    <t>14</t>
  </si>
  <si>
    <t>29.09.2018</t>
  </si>
  <si>
    <t>Bergen Nord Tellevik</t>
  </si>
  <si>
    <t>12110001053</t>
  </si>
  <si>
    <t>Nordre Holsnøy Jaguar</t>
  </si>
  <si>
    <t>12110004050</t>
  </si>
  <si>
    <t>02.10.2018</t>
  </si>
  <si>
    <t>Hordabø /Radøy/Manger</t>
  </si>
  <si>
    <t>12211001053</t>
  </si>
  <si>
    <t>12111001054</t>
  </si>
  <si>
    <t>04.10.2018</t>
  </si>
  <si>
    <t>Austrheim</t>
  </si>
  <si>
    <t>12210001060</t>
  </si>
  <si>
    <t>Åsane  Panter</t>
  </si>
  <si>
    <t>12212202055</t>
  </si>
  <si>
    <t>17</t>
  </si>
  <si>
    <t>18.10.2018</t>
  </si>
  <si>
    <t>Bjarg Hvit</t>
  </si>
  <si>
    <t>12112202084</t>
  </si>
  <si>
    <t>16</t>
  </si>
  <si>
    <t>20.10.2018</t>
  </si>
  <si>
    <t>12110001063</t>
  </si>
  <si>
    <t>21.10.2018</t>
  </si>
  <si>
    <t xml:space="preserve">Nordhordland </t>
  </si>
  <si>
    <t>12140201053</t>
  </si>
  <si>
    <t>25.10.2018</t>
  </si>
  <si>
    <t>12210001067</t>
  </si>
  <si>
    <t>Lag</t>
  </si>
  <si>
    <t>Kurs</t>
  </si>
  <si>
    <t>E-post</t>
  </si>
  <si>
    <t>Mobil</t>
  </si>
  <si>
    <t>3'er</t>
  </si>
  <si>
    <t>5'er</t>
  </si>
  <si>
    <t>7'er</t>
  </si>
  <si>
    <t>9'er</t>
  </si>
  <si>
    <t>11'er</t>
  </si>
  <si>
    <t>J13</t>
  </si>
  <si>
    <t>Klubbdommerkurs</t>
  </si>
  <si>
    <t>heddagotaas@gmail.com</t>
  </si>
  <si>
    <t>x</t>
  </si>
  <si>
    <t>jeachetty@gmail.com</t>
  </si>
  <si>
    <t>rinatop123@live.no</t>
  </si>
  <si>
    <t>G14</t>
  </si>
  <si>
    <t>morten@bitas.no</t>
  </si>
  <si>
    <t>X</t>
  </si>
  <si>
    <t>grethehaakenstad@hotmail.com</t>
  </si>
  <si>
    <t>J14</t>
  </si>
  <si>
    <t>niko1blom@gmail.com</t>
  </si>
  <si>
    <t>sigridaajac@gmail.com</t>
  </si>
  <si>
    <t>Lea Seth Skauge</t>
  </si>
  <si>
    <t>leaseh.s@gmail.com</t>
  </si>
  <si>
    <t>heidistor@icloud.com</t>
  </si>
  <si>
    <t>dennismonstad@gmail.com</t>
  </si>
  <si>
    <t>misa@micro-matic.no</t>
  </si>
  <si>
    <t>livberitones@yahoo.no</t>
  </si>
  <si>
    <t>andreashernar04@gmail.com</t>
  </si>
  <si>
    <t>vigdis.bjorge@yahoo.no</t>
  </si>
  <si>
    <t>G15</t>
  </si>
  <si>
    <t>simonkjenes@gmail.com</t>
  </si>
  <si>
    <t>simen193@hotmail.com</t>
  </si>
  <si>
    <t>harethaljoumaa@gmail.com</t>
  </si>
  <si>
    <t>matskarbo@gmail.com</t>
  </si>
  <si>
    <t>ove.henriksen@bkkfiber.no</t>
  </si>
  <si>
    <t>Kenneth Berge Lie</t>
  </si>
  <si>
    <t>Junior</t>
  </si>
  <si>
    <t>Rekruttdommerkurs</t>
  </si>
  <si>
    <t>kennethbergelie@gmail.com</t>
  </si>
  <si>
    <t>lindagranberg@yahoo.no</t>
  </si>
  <si>
    <t>aaleken@hotmail.com</t>
  </si>
  <si>
    <t>Henrik Onarheim</t>
  </si>
  <si>
    <t>henrikonarheim@outlook.com</t>
  </si>
  <si>
    <t>bekka2202@hotmail.com</t>
  </si>
  <si>
    <t>Joachim Heggernes Olsen</t>
  </si>
  <si>
    <t>joachim.olsen@gmail.com</t>
  </si>
  <si>
    <t>noelmihkel1@gmail.com</t>
  </si>
  <si>
    <t>Iben Lerånn Instebø</t>
  </si>
  <si>
    <t>iben.kvernbit@hotmail.com</t>
  </si>
  <si>
    <t>Ivar Askeland</t>
  </si>
  <si>
    <t>Kretsdommer</t>
  </si>
  <si>
    <t>Atle Haugen</t>
  </si>
  <si>
    <t>Inge-Andrè Håkull</t>
  </si>
  <si>
    <t>Kretsdommer/veileder</t>
  </si>
  <si>
    <t>DOMMARAR I IL KVERNBIT VÅREN 2018</t>
  </si>
  <si>
    <t>Namn</t>
  </si>
  <si>
    <t>Anve Edvartsen</t>
  </si>
  <si>
    <t>G13</t>
  </si>
  <si>
    <t>Klubbdommarkurs</t>
  </si>
  <si>
    <t>Kasper Hamn</t>
  </si>
  <si>
    <t>Arin Baug</t>
  </si>
  <si>
    <t>Lars Rune Brundtland Eide</t>
  </si>
  <si>
    <t>Vebjørn Bø Dalstø</t>
  </si>
  <si>
    <t>Fabian Olsvoll</t>
  </si>
  <si>
    <t>Brikt Tveito</t>
  </si>
  <si>
    <t>Aron Taranger</t>
  </si>
  <si>
    <t>Birk Thunold</t>
  </si>
  <si>
    <t>Eirik Solvi-Neverdal</t>
  </si>
  <si>
    <t>Tobias Helland Gripsgård</t>
  </si>
  <si>
    <t>Håvard Rød Breisnes</t>
  </si>
  <si>
    <t>Eirik Færøy Bjørndal</t>
  </si>
  <si>
    <t>Elias Gaustad Haugland</t>
  </si>
  <si>
    <t>Nicolas Bogevik</t>
  </si>
  <si>
    <t>Jøran Hannisdal Larsen</t>
  </si>
  <si>
    <t>Tobias Dale Monsen</t>
  </si>
  <si>
    <t>Sande Hugvik</t>
  </si>
  <si>
    <t>Storm Bøhn</t>
  </si>
  <si>
    <t>Heine Veland Sætre</t>
  </si>
  <si>
    <t>Oskar Fonnes</t>
  </si>
  <si>
    <t>Elias Torsvik Hvidsten</t>
  </si>
  <si>
    <t>Andreas Sandvik</t>
  </si>
  <si>
    <t>Marius Omland</t>
  </si>
  <si>
    <t>Håkon Askeland</t>
  </si>
  <si>
    <t>Rekrutteringsdommere/kretsdommere</t>
  </si>
  <si>
    <t>Silje Sjursen</t>
  </si>
  <si>
    <t>Kaja Ibsen</t>
  </si>
  <si>
    <t>MINITURNERING, J09</t>
  </si>
  <si>
    <t>J08 Miniturnering</t>
  </si>
  <si>
    <t>J09 MINITURNERING</t>
  </si>
  <si>
    <t xml:space="preserve">Kaja Ibsen </t>
  </si>
  <si>
    <t>05./-07.10.2018</t>
  </si>
  <si>
    <t>fre-søn</t>
  </si>
  <si>
    <t>G08 MINITURNERING</t>
  </si>
  <si>
    <t>MINITURNERING, G08</t>
  </si>
  <si>
    <t>J09 serie</t>
  </si>
  <si>
    <t xml:space="preserve">  </t>
  </si>
  <si>
    <t>Bergen Nord Marikollen Hvit</t>
  </si>
  <si>
    <t>Silje Nes Sjursen</t>
  </si>
  <si>
    <t>ibsen@bkkfiber.no</t>
  </si>
  <si>
    <t>silje_ness@outlook.com</t>
  </si>
  <si>
    <t>Dato uviss. Lagleiar tar kontakt med dommarane!</t>
  </si>
  <si>
    <t>arontaranger@gmail.c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dd\.mm\.yyyy"/>
  </numFmts>
  <fonts count="9" x14ac:knownFonts="1">
    <font>
      <sz val="11"/>
      <name val="Calibri"/>
    </font>
    <font>
      <b/>
      <sz val="11"/>
      <name val="Calibri"/>
      <family val="2"/>
    </font>
    <font>
      <sz val="11"/>
      <name val="Calibri"/>
      <family val="2"/>
    </font>
    <font>
      <sz val="11"/>
      <color rgb="FFFF0000"/>
      <name val="Calibri"/>
      <family val="2"/>
    </font>
    <font>
      <b/>
      <sz val="11"/>
      <name val="Calibri"/>
      <family val="2"/>
    </font>
    <font>
      <b/>
      <sz val="11"/>
      <name val="Calibri"/>
      <family val="2"/>
    </font>
    <font>
      <u/>
      <sz val="11"/>
      <color theme="10"/>
      <name val="Calibri"/>
      <family val="2"/>
    </font>
    <font>
      <i/>
      <sz val="11"/>
      <color rgb="FFFF0000"/>
      <name val="Calibri"/>
      <family val="2"/>
    </font>
    <font>
      <i/>
      <sz val="11"/>
      <name val="Calibri"/>
      <family val="2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7">
    <border>
      <left/>
      <right/>
      <top/>
      <bottom/>
      <diagonal/>
    </border>
    <border>
      <left/>
      <right/>
      <top/>
      <bottom style="thick">
        <color auto="1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0" fontId="6" fillId="0" borderId="0" applyNumberFormat="0" applyFill="0" applyBorder="0" applyAlignment="0" applyProtection="0"/>
  </cellStyleXfs>
  <cellXfs count="44">
    <xf numFmtId="0" fontId="0" fillId="0" borderId="0" xfId="0" applyNumberFormat="1" applyFont="1"/>
    <xf numFmtId="164" fontId="0" fillId="0" borderId="0" xfId="0" applyNumberFormat="1" applyFont="1"/>
    <xf numFmtId="20" fontId="0" fillId="0" borderId="0" xfId="0" applyNumberFormat="1" applyFont="1"/>
    <xf numFmtId="0" fontId="2" fillId="0" borderId="0" xfId="0" applyNumberFormat="1" applyFont="1"/>
    <xf numFmtId="14" fontId="0" fillId="0" borderId="0" xfId="0" applyNumberFormat="1" applyFont="1"/>
    <xf numFmtId="0" fontId="0" fillId="0" borderId="0" xfId="0" applyNumberFormat="1" applyFont="1" applyBorder="1"/>
    <xf numFmtId="164" fontId="2" fillId="0" borderId="0" xfId="0" applyNumberFormat="1" applyFont="1"/>
    <xf numFmtId="0" fontId="3" fillId="0" borderId="0" xfId="0" applyNumberFormat="1" applyFont="1"/>
    <xf numFmtId="164" fontId="4" fillId="0" borderId="1" xfId="0" applyNumberFormat="1" applyFont="1" applyBorder="1"/>
    <xf numFmtId="20" fontId="4" fillId="0" borderId="1" xfId="0" applyNumberFormat="1" applyFont="1" applyBorder="1"/>
    <xf numFmtId="0" fontId="4" fillId="0" borderId="1" xfId="0" applyNumberFormat="1" applyFont="1" applyBorder="1"/>
    <xf numFmtId="0" fontId="0" fillId="0" borderId="2" xfId="0" applyNumberFormat="1" applyFont="1" applyBorder="1" applyAlignment="1">
      <alignment vertical="center" wrapText="1"/>
    </xf>
    <xf numFmtId="0" fontId="6" fillId="0" borderId="2" xfId="1" applyNumberFormat="1" applyBorder="1" applyAlignment="1">
      <alignment vertical="center" wrapText="1"/>
    </xf>
    <xf numFmtId="0" fontId="5" fillId="0" borderId="2" xfId="0" applyNumberFormat="1" applyFont="1" applyBorder="1" applyAlignment="1">
      <alignment vertical="center" wrapText="1"/>
    </xf>
    <xf numFmtId="0" fontId="1" fillId="0" borderId="2" xfId="0" applyNumberFormat="1" applyFont="1" applyBorder="1" applyAlignment="1">
      <alignment vertical="center" wrapText="1"/>
    </xf>
    <xf numFmtId="0" fontId="1" fillId="0" borderId="0" xfId="0" applyNumberFormat="1" applyFont="1"/>
    <xf numFmtId="0" fontId="2" fillId="0" borderId="2" xfId="0" applyNumberFormat="1" applyFont="1" applyBorder="1" applyAlignment="1">
      <alignment vertical="center" wrapText="1"/>
    </xf>
    <xf numFmtId="0" fontId="2" fillId="0" borderId="0" xfId="0" applyNumberFormat="1" applyFont="1" applyFill="1"/>
    <xf numFmtId="0" fontId="0" fillId="0" borderId="0" xfId="0"/>
    <xf numFmtId="0" fontId="0" fillId="2" borderId="2" xfId="0" applyNumberFormat="1" applyFont="1" applyFill="1" applyBorder="1" applyAlignment="1">
      <alignment vertical="center" wrapText="1"/>
    </xf>
    <xf numFmtId="0" fontId="0" fillId="2" borderId="0" xfId="0" applyFill="1"/>
    <xf numFmtId="164" fontId="0" fillId="0" borderId="0" xfId="0" applyNumberFormat="1" applyFont="1" applyFill="1"/>
    <xf numFmtId="20" fontId="0" fillId="0" borderId="0" xfId="0" applyNumberFormat="1" applyFont="1" applyFill="1"/>
    <xf numFmtId="0" fontId="0" fillId="0" borderId="0" xfId="0" applyNumberFormat="1" applyFont="1" applyFill="1"/>
    <xf numFmtId="164" fontId="3" fillId="0" borderId="0" xfId="0" applyNumberFormat="1" applyFont="1"/>
    <xf numFmtId="0" fontId="7" fillId="0" borderId="0" xfId="0" applyNumberFormat="1" applyFont="1"/>
    <xf numFmtId="20" fontId="3" fillId="0" borderId="0" xfId="0" applyNumberFormat="1" applyFont="1"/>
    <xf numFmtId="20" fontId="0" fillId="0" borderId="0" xfId="0" applyNumberFormat="1" applyFont="1" applyAlignment="1">
      <alignment horizontal="left"/>
    </xf>
    <xf numFmtId="20" fontId="0" fillId="0" borderId="0" xfId="0" applyNumberFormat="1" applyFont="1" applyFill="1" applyAlignment="1">
      <alignment horizontal="left"/>
    </xf>
    <xf numFmtId="14" fontId="0" fillId="0" borderId="0" xfId="0" applyNumberFormat="1" applyFont="1" applyFill="1" applyAlignment="1">
      <alignment horizontal="left"/>
    </xf>
    <xf numFmtId="14" fontId="0" fillId="0" borderId="0" xfId="0" applyNumberFormat="1" applyFont="1" applyAlignment="1">
      <alignment horizontal="left"/>
    </xf>
    <xf numFmtId="14" fontId="0" fillId="0" borderId="0" xfId="0" applyNumberFormat="1" applyFont="1" applyFill="1"/>
    <xf numFmtId="0" fontId="1" fillId="0" borderId="6" xfId="0" applyNumberFormat="1" applyFont="1" applyFill="1" applyBorder="1"/>
    <xf numFmtId="164" fontId="0" fillId="0" borderId="6" xfId="0" applyNumberFormat="1" applyFont="1" applyBorder="1"/>
    <xf numFmtId="20" fontId="0" fillId="0" borderId="6" xfId="0" applyNumberFormat="1" applyFont="1" applyBorder="1"/>
    <xf numFmtId="0" fontId="0" fillId="0" borderId="6" xfId="0" applyNumberFormat="1" applyFont="1" applyBorder="1"/>
    <xf numFmtId="0" fontId="2" fillId="0" borderId="6" xfId="0" applyNumberFormat="1" applyFont="1" applyBorder="1"/>
    <xf numFmtId="0" fontId="3" fillId="0" borderId="0" xfId="0" applyNumberFormat="1" applyFont="1" applyAlignment="1">
      <alignment horizontal="center" wrapText="1"/>
    </xf>
    <xf numFmtId="0" fontId="1" fillId="0" borderId="3" xfId="0" applyNumberFormat="1" applyFont="1" applyBorder="1" applyAlignment="1">
      <alignment vertical="center" wrapText="1"/>
    </xf>
    <xf numFmtId="0" fontId="5" fillId="0" borderId="4" xfId="0" applyNumberFormat="1" applyFont="1" applyBorder="1" applyAlignment="1">
      <alignment vertical="center" wrapText="1"/>
    </xf>
    <xf numFmtId="0" fontId="5" fillId="0" borderId="5" xfId="0" applyNumberFormat="1" applyFont="1" applyBorder="1" applyAlignment="1">
      <alignment vertical="center" wrapText="1"/>
    </xf>
    <xf numFmtId="0" fontId="3" fillId="0" borderId="0" xfId="0" applyNumberFormat="1" applyFont="1" applyFill="1"/>
    <xf numFmtId="14" fontId="2" fillId="0" borderId="0" xfId="0" applyNumberFormat="1" applyFont="1"/>
    <xf numFmtId="0" fontId="8" fillId="0" borderId="0" xfId="0" applyNumberFormat="1" applyFont="1"/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hyperlink" Target="mailto:misa@micro-matic.no" TargetMode="External"/><Relationship Id="rId13" Type="http://schemas.openxmlformats.org/officeDocument/2006/relationships/hyperlink" Target="mailto:simen193@hotmail.com" TargetMode="External"/><Relationship Id="rId18" Type="http://schemas.openxmlformats.org/officeDocument/2006/relationships/hyperlink" Target="mailto:aaleken@hotmail.com" TargetMode="External"/><Relationship Id="rId26" Type="http://schemas.openxmlformats.org/officeDocument/2006/relationships/hyperlink" Target="mailto:silje_ness@outlook.com" TargetMode="External"/><Relationship Id="rId3" Type="http://schemas.openxmlformats.org/officeDocument/2006/relationships/hyperlink" Target="mailto:niko1blom@gmail.com" TargetMode="External"/><Relationship Id="rId21" Type="http://schemas.openxmlformats.org/officeDocument/2006/relationships/hyperlink" Target="mailto:joachim.olsen@gmail.com" TargetMode="External"/><Relationship Id="rId7" Type="http://schemas.openxmlformats.org/officeDocument/2006/relationships/hyperlink" Target="mailto:dennismonstad@gmail.com" TargetMode="External"/><Relationship Id="rId12" Type="http://schemas.openxmlformats.org/officeDocument/2006/relationships/hyperlink" Target="mailto:simonkjenes@gmail.com" TargetMode="External"/><Relationship Id="rId17" Type="http://schemas.openxmlformats.org/officeDocument/2006/relationships/hyperlink" Target="mailto:lindagranberg@yahoo.no" TargetMode="External"/><Relationship Id="rId25" Type="http://schemas.openxmlformats.org/officeDocument/2006/relationships/hyperlink" Target="mailto:ibsen@bkkfiber.no" TargetMode="External"/><Relationship Id="rId2" Type="http://schemas.openxmlformats.org/officeDocument/2006/relationships/hyperlink" Target="mailto:grethehaakenstad@hotmail.com" TargetMode="External"/><Relationship Id="rId16" Type="http://schemas.openxmlformats.org/officeDocument/2006/relationships/hyperlink" Target="mailto:kennethbergelie@gmail.com" TargetMode="External"/><Relationship Id="rId20" Type="http://schemas.openxmlformats.org/officeDocument/2006/relationships/hyperlink" Target="mailto:bekka2202@hotmail.com" TargetMode="External"/><Relationship Id="rId29" Type="http://schemas.openxmlformats.org/officeDocument/2006/relationships/hyperlink" Target="mailto:rinatop123@live.no" TargetMode="External"/><Relationship Id="rId1" Type="http://schemas.openxmlformats.org/officeDocument/2006/relationships/hyperlink" Target="mailto:morten@bitas.no" TargetMode="External"/><Relationship Id="rId6" Type="http://schemas.openxmlformats.org/officeDocument/2006/relationships/hyperlink" Target="mailto:heidistor@icloud.com" TargetMode="External"/><Relationship Id="rId11" Type="http://schemas.openxmlformats.org/officeDocument/2006/relationships/hyperlink" Target="mailto:harethaljoumaa@gmail.com" TargetMode="External"/><Relationship Id="rId24" Type="http://schemas.openxmlformats.org/officeDocument/2006/relationships/hyperlink" Target="mailto:harethaljoumaa@gmail.com" TargetMode="External"/><Relationship Id="rId5" Type="http://schemas.openxmlformats.org/officeDocument/2006/relationships/hyperlink" Target="mailto:leaseh.s@gmail.com" TargetMode="External"/><Relationship Id="rId15" Type="http://schemas.openxmlformats.org/officeDocument/2006/relationships/hyperlink" Target="mailto:ove.henriksen@bkkfiber.no" TargetMode="External"/><Relationship Id="rId23" Type="http://schemas.openxmlformats.org/officeDocument/2006/relationships/hyperlink" Target="mailto:iben.kvernbit@hotmail.com" TargetMode="External"/><Relationship Id="rId28" Type="http://schemas.openxmlformats.org/officeDocument/2006/relationships/hyperlink" Target="mailto:jeachetty@gmail.com" TargetMode="External"/><Relationship Id="rId10" Type="http://schemas.openxmlformats.org/officeDocument/2006/relationships/hyperlink" Target="mailto:andreashernar04@gmail.com" TargetMode="External"/><Relationship Id="rId19" Type="http://schemas.openxmlformats.org/officeDocument/2006/relationships/hyperlink" Target="mailto:henrikonarheim@outlook.com" TargetMode="External"/><Relationship Id="rId31" Type="http://schemas.openxmlformats.org/officeDocument/2006/relationships/printerSettings" Target="../printerSettings/printerSettings2.bin"/><Relationship Id="rId4" Type="http://schemas.openxmlformats.org/officeDocument/2006/relationships/hyperlink" Target="mailto:sigridaajac@gmail.com" TargetMode="External"/><Relationship Id="rId9" Type="http://schemas.openxmlformats.org/officeDocument/2006/relationships/hyperlink" Target="mailto:livberitones@yahoo.no" TargetMode="External"/><Relationship Id="rId14" Type="http://schemas.openxmlformats.org/officeDocument/2006/relationships/hyperlink" Target="mailto:matskarbo@gmail.com" TargetMode="External"/><Relationship Id="rId22" Type="http://schemas.openxmlformats.org/officeDocument/2006/relationships/hyperlink" Target="mailto:noelmihkel1@gmail.com" TargetMode="External"/><Relationship Id="rId27" Type="http://schemas.openxmlformats.org/officeDocument/2006/relationships/hyperlink" Target="mailto:heddagotaas@gmail.com" TargetMode="External"/><Relationship Id="rId30" Type="http://schemas.openxmlformats.org/officeDocument/2006/relationships/hyperlink" Target="mailto:arontaranger@gmail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91"/>
  <sheetViews>
    <sheetView tabSelected="1" topLeftCell="A49" zoomScale="90" zoomScaleNormal="90" workbookViewId="0">
      <selection activeCell="A71" sqref="A71"/>
    </sheetView>
  </sheetViews>
  <sheetFormatPr defaultColWidth="9.140625" defaultRowHeight="15" x14ac:dyDescent="0.25"/>
  <cols>
    <col min="1" max="1" width="9.140625" style="1" customWidth="1"/>
    <col min="2" max="2" width="11" style="2" bestFit="1" customWidth="1"/>
    <col min="3" max="4" width="9.140625" customWidth="1"/>
    <col min="5" max="5" width="29.28515625" customWidth="1"/>
    <col min="6" max="6" width="9.140625" customWidth="1"/>
    <col min="7" max="7" width="30.28515625" customWidth="1"/>
    <col min="8" max="8" width="26" customWidth="1"/>
    <col min="9" max="9" width="23.7109375" customWidth="1"/>
    <col min="10" max="10" width="13.140625" customWidth="1"/>
    <col min="11" max="11" width="29.140625" bestFit="1" customWidth="1"/>
  </cols>
  <sheetData>
    <row r="1" spans="1:16" ht="15.75" thickBot="1" x14ac:dyDescent="0.3">
      <c r="A1" s="8" t="s">
        <v>0</v>
      </c>
      <c r="B1" s="9" t="s">
        <v>1</v>
      </c>
      <c r="C1" s="10" t="s">
        <v>2</v>
      </c>
      <c r="D1" s="10" t="s">
        <v>3</v>
      </c>
      <c r="E1" s="10" t="s">
        <v>4</v>
      </c>
      <c r="F1" s="10" t="s">
        <v>5</v>
      </c>
      <c r="G1" s="10" t="s">
        <v>6</v>
      </c>
      <c r="H1" s="10" t="s">
        <v>7</v>
      </c>
      <c r="I1" s="10" t="s">
        <v>8</v>
      </c>
      <c r="J1" s="10" t="s">
        <v>9</v>
      </c>
      <c r="K1" s="32" t="s">
        <v>155</v>
      </c>
    </row>
    <row r="2" spans="1:16" ht="15.75" thickTop="1" x14ac:dyDescent="0.25">
      <c r="A2" s="1" t="s">
        <v>10</v>
      </c>
      <c r="B2" s="2" t="s">
        <v>23</v>
      </c>
      <c r="C2" t="s">
        <v>24</v>
      </c>
      <c r="D2" t="s">
        <v>25</v>
      </c>
      <c r="E2" t="s">
        <v>26</v>
      </c>
      <c r="F2" t="s">
        <v>12</v>
      </c>
      <c r="G2" t="s">
        <v>27</v>
      </c>
      <c r="H2" t="s">
        <v>28</v>
      </c>
      <c r="I2" t="s">
        <v>29</v>
      </c>
      <c r="J2" t="s">
        <v>30</v>
      </c>
      <c r="K2" t="s">
        <v>186</v>
      </c>
      <c r="O2">
        <v>14</v>
      </c>
      <c r="P2" t="s">
        <v>156</v>
      </c>
    </row>
    <row r="3" spans="1:16" x14ac:dyDescent="0.25">
      <c r="A3" s="1" t="s">
        <v>10</v>
      </c>
      <c r="B3" s="2" t="s">
        <v>23</v>
      </c>
      <c r="C3" t="s">
        <v>24</v>
      </c>
      <c r="D3" t="s">
        <v>25</v>
      </c>
      <c r="E3" t="s">
        <v>31</v>
      </c>
      <c r="F3" t="s">
        <v>12</v>
      </c>
      <c r="G3" t="s">
        <v>32</v>
      </c>
      <c r="H3" t="s">
        <v>21</v>
      </c>
      <c r="I3" t="s">
        <v>33</v>
      </c>
      <c r="J3" t="s">
        <v>34</v>
      </c>
      <c r="K3" s="3" t="s">
        <v>167</v>
      </c>
      <c r="O3" s="3">
        <v>15</v>
      </c>
      <c r="P3" s="3" t="s">
        <v>157</v>
      </c>
    </row>
    <row r="4" spans="1:16" x14ac:dyDescent="0.25">
      <c r="A4" s="1" t="s">
        <v>10</v>
      </c>
      <c r="B4" s="2" t="s">
        <v>23</v>
      </c>
      <c r="C4" t="s">
        <v>24</v>
      </c>
      <c r="D4" t="s">
        <v>35</v>
      </c>
      <c r="E4" t="s">
        <v>36</v>
      </c>
      <c r="F4" t="s">
        <v>12</v>
      </c>
      <c r="G4" t="s">
        <v>37</v>
      </c>
      <c r="H4" t="s">
        <v>38</v>
      </c>
      <c r="I4" t="s">
        <v>39</v>
      </c>
      <c r="J4" t="s">
        <v>40</v>
      </c>
      <c r="K4" s="3" t="s">
        <v>175</v>
      </c>
      <c r="O4" s="3"/>
      <c r="P4" s="3"/>
    </row>
    <row r="5" spans="1:16" x14ac:dyDescent="0.25">
      <c r="A5" s="1" t="s">
        <v>10</v>
      </c>
      <c r="B5" s="2" t="s">
        <v>41</v>
      </c>
      <c r="C5" t="s">
        <v>42</v>
      </c>
      <c r="D5" t="s">
        <v>25</v>
      </c>
      <c r="E5" t="s">
        <v>43</v>
      </c>
      <c r="F5" t="s">
        <v>12</v>
      </c>
      <c r="G5" t="s">
        <v>44</v>
      </c>
      <c r="H5" t="s">
        <v>21</v>
      </c>
      <c r="I5" t="s">
        <v>45</v>
      </c>
      <c r="J5" t="s">
        <v>46</v>
      </c>
      <c r="K5" s="3" t="s">
        <v>160</v>
      </c>
    </row>
    <row r="6" spans="1:16" x14ac:dyDescent="0.25">
      <c r="A6" s="1" t="s">
        <v>10</v>
      </c>
      <c r="B6" s="2" t="s">
        <v>51</v>
      </c>
      <c r="C6" t="s">
        <v>11</v>
      </c>
      <c r="D6" t="s">
        <v>52</v>
      </c>
      <c r="E6" t="s">
        <v>53</v>
      </c>
      <c r="F6" t="s">
        <v>12</v>
      </c>
      <c r="G6" t="s">
        <v>54</v>
      </c>
      <c r="H6" t="s">
        <v>21</v>
      </c>
      <c r="I6" t="s">
        <v>55</v>
      </c>
      <c r="J6" t="s">
        <v>56</v>
      </c>
      <c r="K6" s="3" t="s">
        <v>172</v>
      </c>
    </row>
    <row r="7" spans="1:16" x14ac:dyDescent="0.25">
      <c r="A7" s="1" t="s">
        <v>14</v>
      </c>
      <c r="B7" s="2" t="s">
        <v>58</v>
      </c>
      <c r="C7" t="s">
        <v>42</v>
      </c>
      <c r="D7" t="s">
        <v>25</v>
      </c>
      <c r="E7" t="s">
        <v>20</v>
      </c>
      <c r="F7" t="s">
        <v>12</v>
      </c>
      <c r="G7" t="s">
        <v>59</v>
      </c>
      <c r="H7" t="s">
        <v>60</v>
      </c>
      <c r="I7" t="s">
        <v>61</v>
      </c>
      <c r="J7" t="s">
        <v>62</v>
      </c>
      <c r="K7" s="3" t="s">
        <v>165</v>
      </c>
    </row>
    <row r="8" spans="1:16" x14ac:dyDescent="0.25">
      <c r="A8" s="1" t="s">
        <v>14</v>
      </c>
      <c r="B8" s="2" t="s">
        <v>63</v>
      </c>
      <c r="C8" t="s">
        <v>15</v>
      </c>
      <c r="D8" t="s">
        <v>64</v>
      </c>
      <c r="E8" t="s">
        <v>65</v>
      </c>
      <c r="F8" t="s">
        <v>12</v>
      </c>
      <c r="G8" t="s">
        <v>66</v>
      </c>
      <c r="H8" t="s">
        <v>67</v>
      </c>
      <c r="I8" t="s">
        <v>68</v>
      </c>
      <c r="J8" t="s">
        <v>69</v>
      </c>
      <c r="K8" s="3" t="s">
        <v>158</v>
      </c>
    </row>
    <row r="9" spans="1:16" x14ac:dyDescent="0.25">
      <c r="A9" s="1" t="s">
        <v>14</v>
      </c>
      <c r="B9" s="2" t="s">
        <v>63</v>
      </c>
      <c r="C9" t="s">
        <v>15</v>
      </c>
      <c r="D9" t="s">
        <v>64</v>
      </c>
      <c r="E9" t="s">
        <v>70</v>
      </c>
      <c r="F9" t="s">
        <v>12</v>
      </c>
      <c r="G9" t="s">
        <v>71</v>
      </c>
      <c r="H9" t="s">
        <v>21</v>
      </c>
      <c r="I9" t="s">
        <v>72</v>
      </c>
      <c r="J9" t="s">
        <v>73</v>
      </c>
      <c r="K9" s="3" t="s">
        <v>162</v>
      </c>
    </row>
    <row r="10" spans="1:16" x14ac:dyDescent="0.25">
      <c r="A10" s="1" t="s">
        <v>14</v>
      </c>
      <c r="B10" s="2" t="s">
        <v>63</v>
      </c>
      <c r="C10" t="s">
        <v>15</v>
      </c>
      <c r="D10" t="s">
        <v>19</v>
      </c>
      <c r="E10" t="s">
        <v>20</v>
      </c>
      <c r="F10" t="s">
        <v>12</v>
      </c>
      <c r="G10" t="s">
        <v>74</v>
      </c>
      <c r="H10" t="s">
        <v>21</v>
      </c>
      <c r="I10" t="s">
        <v>22</v>
      </c>
      <c r="J10" t="s">
        <v>75</v>
      </c>
      <c r="K10" s="3" t="s">
        <v>164</v>
      </c>
    </row>
    <row r="11" spans="1:16" s="23" customFormat="1" x14ac:dyDescent="0.25">
      <c r="A11" s="6" t="s">
        <v>187</v>
      </c>
      <c r="B11" s="2" t="s">
        <v>63</v>
      </c>
      <c r="C11" t="s">
        <v>15</v>
      </c>
      <c r="D11" s="3" t="s">
        <v>176</v>
      </c>
      <c r="E11"/>
      <c r="F11"/>
      <c r="G11"/>
      <c r="H11"/>
      <c r="I11" s="3" t="s">
        <v>383</v>
      </c>
      <c r="J11"/>
      <c r="K11" s="5" t="s">
        <v>177</v>
      </c>
    </row>
    <row r="12" spans="1:16" s="23" customFormat="1" x14ac:dyDescent="0.25">
      <c r="A12" s="6" t="s">
        <v>187</v>
      </c>
      <c r="B12" s="2" t="s">
        <v>63</v>
      </c>
      <c r="C12" t="s">
        <v>15</v>
      </c>
      <c r="D12" s="3" t="s">
        <v>176</v>
      </c>
      <c r="E12"/>
      <c r="F12"/>
      <c r="G12"/>
      <c r="H12"/>
      <c r="I12" s="3" t="s">
        <v>383</v>
      </c>
      <c r="J12"/>
      <c r="K12" s="5" t="s">
        <v>159</v>
      </c>
    </row>
    <row r="13" spans="1:16" s="23" customFormat="1" x14ac:dyDescent="0.25">
      <c r="A13" s="6" t="s">
        <v>187</v>
      </c>
      <c r="B13" s="2" t="s">
        <v>63</v>
      </c>
      <c r="C13" t="s">
        <v>15</v>
      </c>
      <c r="D13" s="3" t="s">
        <v>176</v>
      </c>
      <c r="E13"/>
      <c r="F13"/>
      <c r="G13"/>
      <c r="H13"/>
      <c r="I13" s="3" t="s">
        <v>383</v>
      </c>
      <c r="J13"/>
      <c r="K13" s="5" t="s">
        <v>178</v>
      </c>
    </row>
    <row r="14" spans="1:16" x14ac:dyDescent="0.25">
      <c r="A14" s="6" t="s">
        <v>187</v>
      </c>
      <c r="B14" s="2" t="s">
        <v>63</v>
      </c>
      <c r="C14" t="s">
        <v>15</v>
      </c>
      <c r="D14" s="3" t="s">
        <v>176</v>
      </c>
      <c r="I14" s="3" t="s">
        <v>383</v>
      </c>
      <c r="K14" s="5" t="s">
        <v>179</v>
      </c>
    </row>
    <row r="15" spans="1:16" x14ac:dyDescent="0.25">
      <c r="A15" s="6" t="s">
        <v>187</v>
      </c>
      <c r="B15" s="2" t="s">
        <v>63</v>
      </c>
      <c r="C15" t="s">
        <v>15</v>
      </c>
      <c r="D15" s="3" t="s">
        <v>176</v>
      </c>
      <c r="I15" s="3" t="s">
        <v>383</v>
      </c>
      <c r="K15" s="5" t="s">
        <v>180</v>
      </c>
    </row>
    <row r="16" spans="1:16" x14ac:dyDescent="0.25">
      <c r="A16" s="6" t="s">
        <v>187</v>
      </c>
      <c r="B16" s="2" t="s">
        <v>63</v>
      </c>
      <c r="C16" t="s">
        <v>15</v>
      </c>
      <c r="D16" s="3" t="s">
        <v>176</v>
      </c>
      <c r="I16" s="3" t="s">
        <v>383</v>
      </c>
      <c r="K16" s="5" t="s">
        <v>181</v>
      </c>
    </row>
    <row r="17" spans="1:11" x14ac:dyDescent="0.25">
      <c r="A17" s="1" t="s">
        <v>14</v>
      </c>
      <c r="B17" s="2" t="s">
        <v>76</v>
      </c>
      <c r="C17" t="s">
        <v>24</v>
      </c>
      <c r="D17" t="s">
        <v>25</v>
      </c>
      <c r="E17" t="s">
        <v>20</v>
      </c>
      <c r="F17" t="s">
        <v>12</v>
      </c>
      <c r="G17" t="s">
        <v>77</v>
      </c>
      <c r="H17" t="s">
        <v>21</v>
      </c>
      <c r="I17" t="s">
        <v>78</v>
      </c>
      <c r="J17" t="s">
        <v>79</v>
      </c>
      <c r="K17" s="3" t="s">
        <v>167</v>
      </c>
    </row>
    <row r="18" spans="1:11" s="23" customFormat="1" x14ac:dyDescent="0.25">
      <c r="A18" s="21" t="s">
        <v>48</v>
      </c>
      <c r="B18" s="22" t="s">
        <v>76</v>
      </c>
      <c r="C18" s="23" t="s">
        <v>24</v>
      </c>
      <c r="D18" s="23" t="s">
        <v>35</v>
      </c>
      <c r="E18" s="23" t="s">
        <v>47</v>
      </c>
      <c r="F18" s="23" t="s">
        <v>12</v>
      </c>
      <c r="G18" s="23" t="s">
        <v>80</v>
      </c>
      <c r="H18" s="23" t="s">
        <v>13</v>
      </c>
      <c r="I18" s="23" t="s">
        <v>81</v>
      </c>
      <c r="J18" s="23" t="s">
        <v>82</v>
      </c>
    </row>
    <row r="19" spans="1:11" x14ac:dyDescent="0.25">
      <c r="A19" s="1" t="s">
        <v>48</v>
      </c>
      <c r="B19" s="2" t="s">
        <v>83</v>
      </c>
      <c r="C19" t="s">
        <v>84</v>
      </c>
      <c r="D19" t="s">
        <v>19</v>
      </c>
      <c r="E19" t="s">
        <v>85</v>
      </c>
      <c r="F19" t="s">
        <v>12</v>
      </c>
      <c r="G19" t="s">
        <v>86</v>
      </c>
      <c r="H19" t="s">
        <v>18</v>
      </c>
      <c r="I19" t="s">
        <v>87</v>
      </c>
      <c r="J19" t="s">
        <v>88</v>
      </c>
    </row>
    <row r="20" spans="1:11" x14ac:dyDescent="0.25">
      <c r="A20" s="1" t="s">
        <v>48</v>
      </c>
      <c r="B20" s="2" t="s">
        <v>89</v>
      </c>
      <c r="C20" t="s">
        <v>42</v>
      </c>
      <c r="D20" t="s">
        <v>25</v>
      </c>
      <c r="E20" t="s">
        <v>53</v>
      </c>
      <c r="F20" t="s">
        <v>12</v>
      </c>
      <c r="G20" t="s">
        <v>90</v>
      </c>
      <c r="H20" t="s">
        <v>21</v>
      </c>
      <c r="I20" t="s">
        <v>55</v>
      </c>
      <c r="J20" t="s">
        <v>91</v>
      </c>
      <c r="K20" s="3"/>
    </row>
    <row r="21" spans="1:11" ht="15" customHeight="1" x14ac:dyDescent="0.25">
      <c r="A21" s="1" t="s">
        <v>48</v>
      </c>
      <c r="B21" s="2" t="s">
        <v>89</v>
      </c>
      <c r="C21" t="s">
        <v>42</v>
      </c>
      <c r="D21" t="s">
        <v>25</v>
      </c>
      <c r="E21" t="s">
        <v>26</v>
      </c>
      <c r="F21" t="s">
        <v>12</v>
      </c>
      <c r="G21" t="s">
        <v>92</v>
      </c>
      <c r="H21" t="s">
        <v>28</v>
      </c>
      <c r="I21" t="s">
        <v>29</v>
      </c>
      <c r="J21" t="s">
        <v>93</v>
      </c>
      <c r="K21" s="3" t="s">
        <v>186</v>
      </c>
    </row>
    <row r="22" spans="1:11" x14ac:dyDescent="0.25">
      <c r="A22" s="1" t="s">
        <v>94</v>
      </c>
      <c r="B22" s="2" t="s">
        <v>95</v>
      </c>
      <c r="C22" t="s">
        <v>15</v>
      </c>
      <c r="D22" t="s">
        <v>96</v>
      </c>
      <c r="E22" t="s">
        <v>20</v>
      </c>
      <c r="F22" t="s">
        <v>12</v>
      </c>
      <c r="G22" t="s">
        <v>97</v>
      </c>
      <c r="H22" t="s">
        <v>18</v>
      </c>
      <c r="I22" t="s">
        <v>50</v>
      </c>
      <c r="J22" t="s">
        <v>98</v>
      </c>
    </row>
    <row r="23" spans="1:11" x14ac:dyDescent="0.25">
      <c r="A23" s="1" t="s">
        <v>99</v>
      </c>
      <c r="B23" s="2" t="s">
        <v>95</v>
      </c>
      <c r="C23" t="s">
        <v>15</v>
      </c>
      <c r="D23" t="s">
        <v>16</v>
      </c>
      <c r="E23" t="s">
        <v>17</v>
      </c>
      <c r="F23" t="s">
        <v>12</v>
      </c>
      <c r="G23" t="s">
        <v>100</v>
      </c>
      <c r="H23" t="s">
        <v>13</v>
      </c>
      <c r="I23" t="s">
        <v>57</v>
      </c>
      <c r="J23" t="s">
        <v>101</v>
      </c>
    </row>
    <row r="24" spans="1:11" x14ac:dyDescent="0.25">
      <c r="A24" s="1" t="s">
        <v>48</v>
      </c>
      <c r="B24" s="2" t="s">
        <v>102</v>
      </c>
      <c r="C24" t="s">
        <v>24</v>
      </c>
      <c r="D24" t="s">
        <v>25</v>
      </c>
      <c r="E24" t="s">
        <v>31</v>
      </c>
      <c r="F24" t="s">
        <v>12</v>
      </c>
      <c r="G24" t="s">
        <v>103</v>
      </c>
      <c r="H24" t="s">
        <v>21</v>
      </c>
      <c r="I24" t="s">
        <v>33</v>
      </c>
      <c r="J24" t="s">
        <v>104</v>
      </c>
      <c r="K24" s="3" t="s">
        <v>168</v>
      </c>
    </row>
    <row r="25" spans="1:11" x14ac:dyDescent="0.25">
      <c r="A25" s="1" t="s">
        <v>48</v>
      </c>
      <c r="B25" s="2" t="s">
        <v>102</v>
      </c>
      <c r="C25" t="s">
        <v>24</v>
      </c>
      <c r="D25" t="s">
        <v>25</v>
      </c>
      <c r="E25" t="s">
        <v>105</v>
      </c>
      <c r="F25" t="s">
        <v>12</v>
      </c>
      <c r="G25" t="s">
        <v>106</v>
      </c>
      <c r="H25" t="s">
        <v>28</v>
      </c>
      <c r="I25" t="s">
        <v>107</v>
      </c>
      <c r="J25" t="s">
        <v>108</v>
      </c>
      <c r="K25" s="3" t="s">
        <v>169</v>
      </c>
    </row>
    <row r="26" spans="1:11" x14ac:dyDescent="0.25">
      <c r="A26" s="1" t="s">
        <v>99</v>
      </c>
      <c r="B26" s="2" t="s">
        <v>109</v>
      </c>
      <c r="C26" t="s">
        <v>24</v>
      </c>
      <c r="D26" t="s">
        <v>25</v>
      </c>
      <c r="E26" t="s">
        <v>20</v>
      </c>
      <c r="F26" t="s">
        <v>12</v>
      </c>
      <c r="G26" t="s">
        <v>110</v>
      </c>
      <c r="H26" t="s">
        <v>21</v>
      </c>
      <c r="I26" t="s">
        <v>78</v>
      </c>
      <c r="J26" t="s">
        <v>111</v>
      </c>
      <c r="K26" s="3" t="s">
        <v>172</v>
      </c>
    </row>
    <row r="27" spans="1:11" x14ac:dyDescent="0.25">
      <c r="A27" s="1" t="s">
        <v>99</v>
      </c>
      <c r="B27" s="2" t="s">
        <v>112</v>
      </c>
      <c r="C27" t="s">
        <v>42</v>
      </c>
      <c r="D27" t="s">
        <v>25</v>
      </c>
      <c r="E27" t="s">
        <v>36</v>
      </c>
      <c r="F27" t="s">
        <v>12</v>
      </c>
      <c r="G27" t="s">
        <v>113</v>
      </c>
      <c r="H27" t="s">
        <v>38</v>
      </c>
      <c r="I27" t="s">
        <v>39</v>
      </c>
      <c r="J27" t="s">
        <v>114</v>
      </c>
      <c r="K27" s="3" t="s">
        <v>163</v>
      </c>
    </row>
    <row r="28" spans="1:11" s="7" customFormat="1" x14ac:dyDescent="0.25">
      <c r="A28" s="1" t="s">
        <v>99</v>
      </c>
      <c r="B28" s="2" t="s">
        <v>112</v>
      </c>
      <c r="C28" t="s">
        <v>42</v>
      </c>
      <c r="D28" t="s">
        <v>25</v>
      </c>
      <c r="E28" t="s">
        <v>43</v>
      </c>
      <c r="F28" t="s">
        <v>12</v>
      </c>
      <c r="G28" t="s">
        <v>115</v>
      </c>
      <c r="H28" t="s">
        <v>28</v>
      </c>
      <c r="I28" t="s">
        <v>45</v>
      </c>
      <c r="J28" t="s">
        <v>116</v>
      </c>
      <c r="K28" s="3" t="s">
        <v>161</v>
      </c>
    </row>
    <row r="29" spans="1:11" s="7" customFormat="1" x14ac:dyDescent="0.25">
      <c r="A29" s="6" t="s">
        <v>187</v>
      </c>
      <c r="B29" s="4">
        <v>43245</v>
      </c>
      <c r="C29" s="3" t="s">
        <v>49</v>
      </c>
      <c r="D29" s="7" t="s">
        <v>182</v>
      </c>
      <c r="E29"/>
      <c r="F29"/>
      <c r="G29"/>
      <c r="H29"/>
      <c r="I29" s="3" t="s">
        <v>188</v>
      </c>
      <c r="J29"/>
      <c r="K29" s="5" t="s">
        <v>183</v>
      </c>
    </row>
    <row r="30" spans="1:11" s="7" customFormat="1" x14ac:dyDescent="0.25">
      <c r="A30" s="6" t="s">
        <v>187</v>
      </c>
      <c r="B30" s="4">
        <v>43245</v>
      </c>
      <c r="C30" s="3" t="s">
        <v>49</v>
      </c>
      <c r="D30" s="7" t="s">
        <v>182</v>
      </c>
      <c r="E30" s="37" t="s">
        <v>189</v>
      </c>
      <c r="F30" s="37"/>
      <c r="G30" s="37"/>
      <c r="H30"/>
      <c r="I30" s="3" t="s">
        <v>188</v>
      </c>
      <c r="J30"/>
      <c r="K30" s="5" t="s">
        <v>184</v>
      </c>
    </row>
    <row r="31" spans="1:11" s="7" customFormat="1" x14ac:dyDescent="0.25">
      <c r="A31" s="6" t="s">
        <v>187</v>
      </c>
      <c r="B31" s="4">
        <v>43245</v>
      </c>
      <c r="C31" s="3" t="s">
        <v>49</v>
      </c>
      <c r="D31" s="7" t="s">
        <v>182</v>
      </c>
      <c r="E31" s="37"/>
      <c r="F31" s="37"/>
      <c r="G31" s="37"/>
      <c r="H31"/>
      <c r="I31" s="3" t="s">
        <v>188</v>
      </c>
      <c r="J31"/>
      <c r="K31" s="5" t="s">
        <v>185</v>
      </c>
    </row>
    <row r="32" spans="1:11" s="7" customFormat="1" x14ac:dyDescent="0.25">
      <c r="A32" s="6" t="s">
        <v>187</v>
      </c>
      <c r="B32" s="4">
        <v>43245</v>
      </c>
      <c r="C32" s="3" t="s">
        <v>49</v>
      </c>
      <c r="D32" s="7" t="s">
        <v>182</v>
      </c>
      <c r="E32" s="37"/>
      <c r="F32" s="37"/>
      <c r="G32" s="37"/>
      <c r="H32"/>
      <c r="I32" s="3" t="s">
        <v>188</v>
      </c>
      <c r="J32"/>
      <c r="K32" s="5" t="s">
        <v>161</v>
      </c>
    </row>
    <row r="33" spans="1:11" s="7" customFormat="1" x14ac:dyDescent="0.25">
      <c r="A33" s="6" t="s">
        <v>187</v>
      </c>
      <c r="B33" s="4">
        <v>43245</v>
      </c>
      <c r="C33" s="3" t="s">
        <v>49</v>
      </c>
      <c r="D33" s="7" t="s">
        <v>182</v>
      </c>
      <c r="E33"/>
      <c r="F33"/>
      <c r="G33"/>
      <c r="H33"/>
      <c r="I33" s="3" t="s">
        <v>188</v>
      </c>
      <c r="J33"/>
      <c r="K33" s="5" t="s">
        <v>180</v>
      </c>
    </row>
    <row r="34" spans="1:11" x14ac:dyDescent="0.25">
      <c r="A34" s="6" t="s">
        <v>187</v>
      </c>
      <c r="B34" s="4">
        <v>43245</v>
      </c>
      <c r="C34" s="3" t="s">
        <v>49</v>
      </c>
      <c r="D34" s="7" t="s">
        <v>182</v>
      </c>
      <c r="I34" s="3" t="s">
        <v>188</v>
      </c>
      <c r="K34" s="5" t="s">
        <v>181</v>
      </c>
    </row>
    <row r="35" spans="1:11" x14ac:dyDescent="0.25">
      <c r="A35" s="1" t="s">
        <v>99</v>
      </c>
      <c r="B35" s="2" t="s">
        <v>117</v>
      </c>
      <c r="C35" t="s">
        <v>15</v>
      </c>
      <c r="D35" t="s">
        <v>64</v>
      </c>
      <c r="E35" t="s">
        <v>70</v>
      </c>
      <c r="F35" t="s">
        <v>12</v>
      </c>
      <c r="G35" t="s">
        <v>118</v>
      </c>
      <c r="H35" t="s">
        <v>67</v>
      </c>
      <c r="I35" t="s">
        <v>72</v>
      </c>
      <c r="J35" t="s">
        <v>119</v>
      </c>
      <c r="K35" s="3" t="s">
        <v>165</v>
      </c>
    </row>
    <row r="36" spans="1:11" s="23" customFormat="1" x14ac:dyDescent="0.25">
      <c r="A36" s="1" t="s">
        <v>99</v>
      </c>
      <c r="B36" s="2" t="s">
        <v>117</v>
      </c>
      <c r="C36" t="s">
        <v>15</v>
      </c>
      <c r="D36" t="s">
        <v>19</v>
      </c>
      <c r="E36" t="s">
        <v>20</v>
      </c>
      <c r="F36" t="s">
        <v>12</v>
      </c>
      <c r="G36" t="s">
        <v>120</v>
      </c>
      <c r="H36" t="s">
        <v>21</v>
      </c>
      <c r="I36" t="s">
        <v>22</v>
      </c>
      <c r="J36" t="s">
        <v>121</v>
      </c>
      <c r="K36" s="3" t="s">
        <v>162</v>
      </c>
    </row>
    <row r="37" spans="1:11" x14ac:dyDescent="0.25">
      <c r="A37" s="1" t="s">
        <v>94</v>
      </c>
      <c r="B37" s="2" t="s">
        <v>122</v>
      </c>
      <c r="C37" t="s">
        <v>24</v>
      </c>
      <c r="D37" t="s">
        <v>25</v>
      </c>
      <c r="E37" t="s">
        <v>105</v>
      </c>
      <c r="F37" t="s">
        <v>12</v>
      </c>
      <c r="G37" t="s">
        <v>123</v>
      </c>
      <c r="H37" t="s">
        <v>28</v>
      </c>
      <c r="I37" t="s">
        <v>107</v>
      </c>
      <c r="J37" t="s">
        <v>124</v>
      </c>
      <c r="K37" s="3" t="s">
        <v>170</v>
      </c>
    </row>
    <row r="38" spans="1:11" x14ac:dyDescent="0.25">
      <c r="A38" s="1" t="s">
        <v>94</v>
      </c>
      <c r="B38" s="2" t="s">
        <v>122</v>
      </c>
      <c r="C38" t="s">
        <v>24</v>
      </c>
      <c r="D38" t="s">
        <v>25</v>
      </c>
      <c r="E38" t="s">
        <v>31</v>
      </c>
      <c r="F38" t="s">
        <v>12</v>
      </c>
      <c r="G38" t="s">
        <v>125</v>
      </c>
      <c r="H38" t="s">
        <v>21</v>
      </c>
      <c r="I38" t="s">
        <v>33</v>
      </c>
      <c r="J38" t="s">
        <v>126</v>
      </c>
      <c r="K38" s="3" t="s">
        <v>171</v>
      </c>
    </row>
    <row r="39" spans="1:11" x14ac:dyDescent="0.25">
      <c r="A39" s="1" t="s">
        <v>94</v>
      </c>
      <c r="B39" s="2" t="s">
        <v>122</v>
      </c>
      <c r="C39" t="s">
        <v>24</v>
      </c>
      <c r="D39" t="s">
        <v>35</v>
      </c>
      <c r="E39" t="s">
        <v>20</v>
      </c>
      <c r="F39" t="s">
        <v>12</v>
      </c>
      <c r="G39" t="s">
        <v>123</v>
      </c>
      <c r="H39" t="s">
        <v>21</v>
      </c>
      <c r="I39" t="s">
        <v>78</v>
      </c>
      <c r="J39" t="s">
        <v>127</v>
      </c>
      <c r="K39" s="3" t="s">
        <v>168</v>
      </c>
    </row>
    <row r="40" spans="1:11" x14ac:dyDescent="0.25">
      <c r="A40" s="1" t="s">
        <v>94</v>
      </c>
      <c r="B40" s="2" t="s">
        <v>128</v>
      </c>
      <c r="C40" t="s">
        <v>42</v>
      </c>
      <c r="D40" t="s">
        <v>64</v>
      </c>
      <c r="E40" t="s">
        <v>20</v>
      </c>
      <c r="F40" t="s">
        <v>12</v>
      </c>
      <c r="G40" t="s">
        <v>129</v>
      </c>
      <c r="H40" t="s">
        <v>60</v>
      </c>
      <c r="I40" t="s">
        <v>61</v>
      </c>
      <c r="J40" t="s">
        <v>130</v>
      </c>
      <c r="K40" t="s">
        <v>164</v>
      </c>
    </row>
    <row r="41" spans="1:11" x14ac:dyDescent="0.25">
      <c r="A41" s="1" t="s">
        <v>131</v>
      </c>
      <c r="B41" s="2" t="s">
        <v>128</v>
      </c>
      <c r="C41" t="s">
        <v>42</v>
      </c>
      <c r="D41" t="s">
        <v>25</v>
      </c>
      <c r="E41" t="s">
        <v>65</v>
      </c>
      <c r="F41" t="s">
        <v>12</v>
      </c>
      <c r="G41" t="s">
        <v>132</v>
      </c>
      <c r="H41" t="s">
        <v>133</v>
      </c>
      <c r="I41" t="s">
        <v>68</v>
      </c>
      <c r="J41" t="s">
        <v>134</v>
      </c>
      <c r="K41" s="3" t="s">
        <v>162</v>
      </c>
    </row>
    <row r="42" spans="1:11" x14ac:dyDescent="0.25">
      <c r="A42" s="1" t="s">
        <v>94</v>
      </c>
      <c r="B42" s="2" t="s">
        <v>136</v>
      </c>
      <c r="C42" t="s">
        <v>15</v>
      </c>
      <c r="D42" t="s">
        <v>96</v>
      </c>
      <c r="E42" t="s">
        <v>53</v>
      </c>
      <c r="F42" t="s">
        <v>12</v>
      </c>
      <c r="G42" t="s">
        <v>137</v>
      </c>
      <c r="H42" t="s">
        <v>21</v>
      </c>
      <c r="I42" t="s">
        <v>55</v>
      </c>
      <c r="J42" t="s">
        <v>138</v>
      </c>
      <c r="K42" s="3" t="s">
        <v>174</v>
      </c>
    </row>
    <row r="43" spans="1:11" x14ac:dyDescent="0.25">
      <c r="A43" s="1" t="s">
        <v>131</v>
      </c>
      <c r="B43" s="2" t="s">
        <v>139</v>
      </c>
      <c r="C43" t="s">
        <v>42</v>
      </c>
      <c r="D43" t="s">
        <v>25</v>
      </c>
      <c r="E43" t="s">
        <v>26</v>
      </c>
      <c r="F43" t="s">
        <v>12</v>
      </c>
      <c r="G43" t="s">
        <v>140</v>
      </c>
      <c r="H43" t="s">
        <v>28</v>
      </c>
      <c r="I43" t="s">
        <v>29</v>
      </c>
      <c r="J43" t="s">
        <v>141</v>
      </c>
      <c r="K43" s="3" t="s">
        <v>160</v>
      </c>
    </row>
    <row r="44" spans="1:11" x14ac:dyDescent="0.25">
      <c r="A44" s="1" t="s">
        <v>131</v>
      </c>
      <c r="B44" s="2" t="s">
        <v>139</v>
      </c>
      <c r="C44" t="s">
        <v>42</v>
      </c>
      <c r="D44" t="s">
        <v>25</v>
      </c>
      <c r="E44" t="s">
        <v>43</v>
      </c>
      <c r="F44" t="s">
        <v>12</v>
      </c>
      <c r="G44" t="s">
        <v>142</v>
      </c>
      <c r="H44" t="s">
        <v>21</v>
      </c>
      <c r="I44" t="s">
        <v>45</v>
      </c>
      <c r="J44" t="s">
        <v>143</v>
      </c>
      <c r="K44" s="3" t="s">
        <v>163</v>
      </c>
    </row>
    <row r="45" spans="1:11" x14ac:dyDescent="0.25">
      <c r="A45" s="1" t="s">
        <v>131</v>
      </c>
      <c r="B45" s="2" t="s">
        <v>139</v>
      </c>
      <c r="C45" t="s">
        <v>42</v>
      </c>
      <c r="D45" t="s">
        <v>25</v>
      </c>
      <c r="E45" t="s">
        <v>36</v>
      </c>
      <c r="F45" t="s">
        <v>12</v>
      </c>
      <c r="G45" t="s">
        <v>144</v>
      </c>
      <c r="H45" t="s">
        <v>38</v>
      </c>
      <c r="I45" t="s">
        <v>39</v>
      </c>
      <c r="J45" t="s">
        <v>145</v>
      </c>
      <c r="K45" s="3" t="s">
        <v>164</v>
      </c>
    </row>
    <row r="46" spans="1:11" x14ac:dyDescent="0.25">
      <c r="A46" s="1" t="s">
        <v>147</v>
      </c>
      <c r="B46" s="2" t="s">
        <v>148</v>
      </c>
      <c r="C46" t="s">
        <v>42</v>
      </c>
      <c r="D46" t="s">
        <v>25</v>
      </c>
      <c r="E46" t="s">
        <v>65</v>
      </c>
      <c r="F46" t="s">
        <v>12</v>
      </c>
      <c r="G46" t="s">
        <v>149</v>
      </c>
      <c r="H46" t="s">
        <v>133</v>
      </c>
      <c r="I46" t="s">
        <v>68</v>
      </c>
      <c r="J46" t="s">
        <v>150</v>
      </c>
      <c r="K46" s="3" t="s">
        <v>166</v>
      </c>
    </row>
    <row r="47" spans="1:11" s="35" customFormat="1" ht="15.75" thickBot="1" x14ac:dyDescent="0.3">
      <c r="A47" s="33" t="s">
        <v>135</v>
      </c>
      <c r="B47" s="34" t="s">
        <v>151</v>
      </c>
      <c r="C47" s="35" t="s">
        <v>11</v>
      </c>
      <c r="D47" s="35" t="s">
        <v>52</v>
      </c>
      <c r="E47" s="35" t="s">
        <v>53</v>
      </c>
      <c r="F47" s="35" t="s">
        <v>12</v>
      </c>
      <c r="G47" s="35" t="s">
        <v>152</v>
      </c>
      <c r="H47" s="35" t="s">
        <v>21</v>
      </c>
      <c r="I47" s="35" t="s">
        <v>55</v>
      </c>
      <c r="J47" s="35" t="s">
        <v>153</v>
      </c>
      <c r="K47" s="36" t="s">
        <v>173</v>
      </c>
    </row>
    <row r="48" spans="1:11" x14ac:dyDescent="0.25">
      <c r="A48" s="1" t="s">
        <v>135</v>
      </c>
      <c r="B48" s="2" t="s">
        <v>190</v>
      </c>
      <c r="C48" t="s">
        <v>24</v>
      </c>
      <c r="D48" t="s">
        <v>25</v>
      </c>
      <c r="E48" t="s">
        <v>43</v>
      </c>
      <c r="F48" t="s">
        <v>12</v>
      </c>
      <c r="G48" t="s">
        <v>59</v>
      </c>
      <c r="H48" t="s">
        <v>191</v>
      </c>
      <c r="I48" t="s">
        <v>45</v>
      </c>
      <c r="J48" t="s">
        <v>192</v>
      </c>
      <c r="K48" s="3" t="s">
        <v>168</v>
      </c>
    </row>
    <row r="49" spans="1:11" x14ac:dyDescent="0.25">
      <c r="A49" s="1" t="s">
        <v>135</v>
      </c>
      <c r="B49" s="2" t="s">
        <v>190</v>
      </c>
      <c r="C49" t="s">
        <v>24</v>
      </c>
      <c r="D49" t="s">
        <v>25</v>
      </c>
      <c r="E49" t="s">
        <v>31</v>
      </c>
      <c r="F49" t="s">
        <v>12</v>
      </c>
      <c r="G49" t="s">
        <v>194</v>
      </c>
      <c r="H49" t="s">
        <v>21</v>
      </c>
      <c r="I49" t="s">
        <v>33</v>
      </c>
      <c r="J49" t="s">
        <v>195</v>
      </c>
      <c r="K49" s="3" t="s">
        <v>174</v>
      </c>
    </row>
    <row r="50" spans="1:11" x14ac:dyDescent="0.25">
      <c r="A50" s="1" t="s">
        <v>147</v>
      </c>
      <c r="B50" s="2" t="s">
        <v>190</v>
      </c>
      <c r="C50" t="s">
        <v>24</v>
      </c>
      <c r="D50" t="s">
        <v>25</v>
      </c>
      <c r="E50" t="s">
        <v>26</v>
      </c>
      <c r="F50" t="s">
        <v>12</v>
      </c>
      <c r="G50" t="s">
        <v>196</v>
      </c>
      <c r="H50" t="s">
        <v>28</v>
      </c>
      <c r="I50" t="s">
        <v>29</v>
      </c>
      <c r="J50" t="s">
        <v>197</v>
      </c>
      <c r="K50" s="3" t="s">
        <v>184</v>
      </c>
    </row>
    <row r="51" spans="1:11" x14ac:dyDescent="0.25">
      <c r="B51" s="4">
        <v>43334</v>
      </c>
      <c r="C51" s="3" t="s">
        <v>84</v>
      </c>
      <c r="D51" s="27">
        <v>0.72916666666666663</v>
      </c>
      <c r="E51" s="3" t="s">
        <v>70</v>
      </c>
      <c r="F51" s="3" t="s">
        <v>12</v>
      </c>
      <c r="G51" s="3" t="s">
        <v>237</v>
      </c>
      <c r="H51" s="3" t="s">
        <v>238</v>
      </c>
      <c r="I51" s="3" t="s">
        <v>239</v>
      </c>
      <c r="K51" s="3" t="s">
        <v>240</v>
      </c>
    </row>
    <row r="52" spans="1:11" x14ac:dyDescent="0.25">
      <c r="A52" s="1" t="s">
        <v>147</v>
      </c>
      <c r="B52" s="2" t="s">
        <v>198</v>
      </c>
      <c r="C52" t="s">
        <v>24</v>
      </c>
      <c r="D52" t="s">
        <v>25</v>
      </c>
      <c r="E52" t="s">
        <v>20</v>
      </c>
      <c r="F52" t="s">
        <v>12</v>
      </c>
      <c r="G52" t="s">
        <v>199</v>
      </c>
      <c r="H52" t="s">
        <v>21</v>
      </c>
      <c r="I52" t="s">
        <v>78</v>
      </c>
      <c r="J52" t="s">
        <v>200</v>
      </c>
      <c r="K52" s="3" t="s">
        <v>233</v>
      </c>
    </row>
    <row r="53" spans="1:11" x14ac:dyDescent="0.25">
      <c r="A53" s="1" t="s">
        <v>147</v>
      </c>
      <c r="B53" s="2" t="s">
        <v>198</v>
      </c>
      <c r="C53" t="s">
        <v>24</v>
      </c>
      <c r="D53" t="s">
        <v>25</v>
      </c>
      <c r="E53" t="s">
        <v>105</v>
      </c>
      <c r="F53" t="s">
        <v>12</v>
      </c>
      <c r="G53" t="s">
        <v>201</v>
      </c>
      <c r="H53" t="s">
        <v>28</v>
      </c>
      <c r="I53" t="s">
        <v>107</v>
      </c>
      <c r="J53" t="s">
        <v>202</v>
      </c>
      <c r="K53" s="3" t="s">
        <v>234</v>
      </c>
    </row>
    <row r="54" spans="1:11" x14ac:dyDescent="0.25">
      <c r="A54" s="1" t="s">
        <v>147</v>
      </c>
      <c r="B54" s="2" t="s">
        <v>203</v>
      </c>
      <c r="C54" t="s">
        <v>42</v>
      </c>
      <c r="D54" t="s">
        <v>25</v>
      </c>
      <c r="E54" t="s">
        <v>20</v>
      </c>
      <c r="F54" t="s">
        <v>12</v>
      </c>
      <c r="G54" t="s">
        <v>106</v>
      </c>
      <c r="H54" t="s">
        <v>60</v>
      </c>
      <c r="I54" t="s">
        <v>61</v>
      </c>
      <c r="J54" t="s">
        <v>204</v>
      </c>
      <c r="K54" s="3" t="s">
        <v>235</v>
      </c>
    </row>
    <row r="55" spans="1:11" x14ac:dyDescent="0.25">
      <c r="A55" s="1" t="s">
        <v>205</v>
      </c>
      <c r="B55" s="2" t="s">
        <v>203</v>
      </c>
      <c r="C55" t="s">
        <v>42</v>
      </c>
      <c r="D55" t="s">
        <v>25</v>
      </c>
      <c r="E55" t="s">
        <v>65</v>
      </c>
      <c r="F55" t="s">
        <v>12</v>
      </c>
      <c r="G55" t="s">
        <v>206</v>
      </c>
      <c r="H55" t="s">
        <v>133</v>
      </c>
      <c r="I55" t="s">
        <v>68</v>
      </c>
      <c r="J55" t="s">
        <v>207</v>
      </c>
      <c r="K55" s="3" t="s">
        <v>193</v>
      </c>
    </row>
    <row r="56" spans="1:11" x14ac:dyDescent="0.25">
      <c r="A56" s="1" t="s">
        <v>154</v>
      </c>
      <c r="B56" s="2" t="s">
        <v>208</v>
      </c>
      <c r="C56" t="s">
        <v>11</v>
      </c>
      <c r="D56" t="s">
        <v>52</v>
      </c>
      <c r="E56" t="s">
        <v>53</v>
      </c>
      <c r="F56" t="s">
        <v>12</v>
      </c>
      <c r="G56" t="s">
        <v>209</v>
      </c>
      <c r="H56" t="s">
        <v>21</v>
      </c>
      <c r="I56" t="s">
        <v>55</v>
      </c>
      <c r="J56" t="s">
        <v>210</v>
      </c>
      <c r="K56" s="3" t="s">
        <v>166</v>
      </c>
    </row>
    <row r="57" spans="1:11" x14ac:dyDescent="0.25">
      <c r="A57" s="1" t="s">
        <v>154</v>
      </c>
      <c r="B57" s="2" t="s">
        <v>208</v>
      </c>
      <c r="C57" t="s">
        <v>11</v>
      </c>
      <c r="D57" t="s">
        <v>52</v>
      </c>
      <c r="E57" t="s">
        <v>26</v>
      </c>
      <c r="F57" t="s">
        <v>12</v>
      </c>
      <c r="G57" t="s">
        <v>211</v>
      </c>
      <c r="H57" t="s">
        <v>28</v>
      </c>
      <c r="I57" t="s">
        <v>29</v>
      </c>
      <c r="J57" t="s">
        <v>212</v>
      </c>
      <c r="K57" s="3" t="s">
        <v>241</v>
      </c>
    </row>
    <row r="58" spans="1:11" x14ac:dyDescent="0.25">
      <c r="A58" s="1" t="s">
        <v>154</v>
      </c>
      <c r="B58" s="2" t="s">
        <v>213</v>
      </c>
      <c r="C58" t="s">
        <v>24</v>
      </c>
      <c r="D58" t="s">
        <v>25</v>
      </c>
      <c r="E58" t="s">
        <v>105</v>
      </c>
      <c r="F58" t="s">
        <v>12</v>
      </c>
      <c r="G58" t="s">
        <v>113</v>
      </c>
      <c r="H58" t="s">
        <v>28</v>
      </c>
      <c r="I58" t="s">
        <v>107</v>
      </c>
      <c r="J58" t="s">
        <v>214</v>
      </c>
      <c r="K58" s="3" t="s">
        <v>170</v>
      </c>
    </row>
    <row r="59" spans="1:11" x14ac:dyDescent="0.25">
      <c r="A59" s="1" t="s">
        <v>154</v>
      </c>
      <c r="B59" s="2" t="s">
        <v>213</v>
      </c>
      <c r="C59" t="s">
        <v>24</v>
      </c>
      <c r="D59" t="s">
        <v>25</v>
      </c>
      <c r="E59" t="s">
        <v>31</v>
      </c>
      <c r="F59" t="s">
        <v>12</v>
      </c>
      <c r="G59" t="s">
        <v>215</v>
      </c>
      <c r="H59" t="s">
        <v>21</v>
      </c>
      <c r="I59" t="s">
        <v>33</v>
      </c>
      <c r="J59" t="s">
        <v>216</v>
      </c>
      <c r="K59" s="3" t="s">
        <v>236</v>
      </c>
    </row>
    <row r="60" spans="1:11" x14ac:dyDescent="0.25">
      <c r="A60" s="1" t="s">
        <v>154</v>
      </c>
      <c r="B60" s="2" t="s">
        <v>217</v>
      </c>
      <c r="C60" t="s">
        <v>42</v>
      </c>
      <c r="D60" t="s">
        <v>25</v>
      </c>
      <c r="E60" t="s">
        <v>43</v>
      </c>
      <c r="F60" t="s">
        <v>12</v>
      </c>
      <c r="G60" t="s">
        <v>199</v>
      </c>
      <c r="H60" t="s">
        <v>28</v>
      </c>
      <c r="I60" t="s">
        <v>45</v>
      </c>
      <c r="J60" t="s">
        <v>218</v>
      </c>
      <c r="K60" s="3" t="s">
        <v>161</v>
      </c>
    </row>
    <row r="61" spans="1:11" x14ac:dyDescent="0.25">
      <c r="A61" s="1" t="s">
        <v>154</v>
      </c>
      <c r="B61" s="2" t="s">
        <v>217</v>
      </c>
      <c r="C61" t="s">
        <v>42</v>
      </c>
      <c r="D61" t="s">
        <v>25</v>
      </c>
      <c r="E61" t="s">
        <v>36</v>
      </c>
      <c r="F61" t="s">
        <v>12</v>
      </c>
      <c r="G61" t="s">
        <v>219</v>
      </c>
      <c r="H61" t="s">
        <v>60</v>
      </c>
      <c r="I61" t="s">
        <v>39</v>
      </c>
      <c r="J61" t="s">
        <v>220</v>
      </c>
      <c r="K61" s="3" t="s">
        <v>249</v>
      </c>
    </row>
    <row r="62" spans="1:11" x14ac:dyDescent="0.25">
      <c r="A62" s="21" t="s">
        <v>205</v>
      </c>
      <c r="B62" s="22" t="s">
        <v>221</v>
      </c>
      <c r="C62" s="23" t="s">
        <v>24</v>
      </c>
      <c r="D62" s="23" t="s">
        <v>25</v>
      </c>
      <c r="E62" s="23" t="s">
        <v>20</v>
      </c>
      <c r="F62" s="23" t="s">
        <v>12</v>
      </c>
      <c r="G62" s="23" t="s">
        <v>113</v>
      </c>
      <c r="H62" s="23" t="s">
        <v>21</v>
      </c>
      <c r="I62" s="23" t="s">
        <v>78</v>
      </c>
      <c r="J62" s="23" t="s">
        <v>222</v>
      </c>
      <c r="K62" s="17" t="s">
        <v>171</v>
      </c>
    </row>
    <row r="63" spans="1:11" x14ac:dyDescent="0.25">
      <c r="A63" s="21"/>
      <c r="B63" s="29">
        <v>43355</v>
      </c>
      <c r="C63" s="17" t="s">
        <v>84</v>
      </c>
      <c r="D63" s="28">
        <v>0.72916666666666663</v>
      </c>
      <c r="E63" s="17" t="s">
        <v>70</v>
      </c>
      <c r="F63" s="17" t="s">
        <v>12</v>
      </c>
      <c r="G63" s="17" t="s">
        <v>245</v>
      </c>
      <c r="H63" s="17" t="s">
        <v>238</v>
      </c>
      <c r="I63" s="17" t="s">
        <v>390</v>
      </c>
      <c r="J63" s="23"/>
      <c r="K63" s="17" t="s">
        <v>242</v>
      </c>
    </row>
    <row r="64" spans="1:11" x14ac:dyDescent="0.25">
      <c r="A64" s="21" t="s">
        <v>225</v>
      </c>
      <c r="B64" s="22" t="s">
        <v>223</v>
      </c>
      <c r="C64" s="23" t="s">
        <v>42</v>
      </c>
      <c r="D64" s="23" t="s">
        <v>25</v>
      </c>
      <c r="E64" s="23" t="s">
        <v>65</v>
      </c>
      <c r="F64" s="23" t="s">
        <v>12</v>
      </c>
      <c r="G64" s="23" t="s">
        <v>226</v>
      </c>
      <c r="H64" s="23" t="s">
        <v>133</v>
      </c>
      <c r="I64" s="23" t="s">
        <v>68</v>
      </c>
      <c r="J64" s="23" t="s">
        <v>227</v>
      </c>
      <c r="K64" s="17" t="s">
        <v>158</v>
      </c>
    </row>
    <row r="65" spans="1:13" x14ac:dyDescent="0.25">
      <c r="A65" s="1" t="s">
        <v>205</v>
      </c>
      <c r="B65" s="2" t="s">
        <v>229</v>
      </c>
      <c r="C65" t="s">
        <v>11</v>
      </c>
      <c r="D65" t="s">
        <v>52</v>
      </c>
      <c r="E65" t="s">
        <v>43</v>
      </c>
      <c r="F65" t="s">
        <v>12</v>
      </c>
      <c r="G65" t="s">
        <v>231</v>
      </c>
      <c r="H65" t="s">
        <v>21</v>
      </c>
      <c r="I65" t="s">
        <v>45</v>
      </c>
      <c r="J65" t="s">
        <v>232</v>
      </c>
      <c r="K65" s="17" t="s">
        <v>169</v>
      </c>
    </row>
    <row r="66" spans="1:13" x14ac:dyDescent="0.25">
      <c r="A66" s="1" t="s">
        <v>228</v>
      </c>
      <c r="B66" s="2" t="s">
        <v>250</v>
      </c>
      <c r="C66" t="s">
        <v>15</v>
      </c>
      <c r="D66" t="s">
        <v>251</v>
      </c>
      <c r="E66" t="s">
        <v>26</v>
      </c>
      <c r="F66" t="s">
        <v>12</v>
      </c>
      <c r="G66" t="s">
        <v>106</v>
      </c>
      <c r="H66" t="s">
        <v>28</v>
      </c>
      <c r="I66" t="s">
        <v>29</v>
      </c>
      <c r="J66" t="s">
        <v>230</v>
      </c>
      <c r="K66" s="17" t="s">
        <v>380</v>
      </c>
    </row>
    <row r="67" spans="1:13" x14ac:dyDescent="0.25">
      <c r="A67" s="1" t="s">
        <v>131</v>
      </c>
      <c r="B67" s="2" t="s">
        <v>250</v>
      </c>
      <c r="C67" t="s">
        <v>15</v>
      </c>
      <c r="D67" t="s">
        <v>252</v>
      </c>
      <c r="E67" t="s">
        <v>26</v>
      </c>
      <c r="F67" t="s">
        <v>12</v>
      </c>
      <c r="G67" t="s">
        <v>140</v>
      </c>
      <c r="H67" t="s">
        <v>28</v>
      </c>
      <c r="I67" t="s">
        <v>29</v>
      </c>
      <c r="J67" t="s">
        <v>141</v>
      </c>
      <c r="K67" s="17" t="s">
        <v>247</v>
      </c>
    </row>
    <row r="68" spans="1:13" x14ac:dyDescent="0.25">
      <c r="A68" s="1" t="s">
        <v>228</v>
      </c>
      <c r="B68" s="2" t="s">
        <v>253</v>
      </c>
      <c r="C68" t="s">
        <v>24</v>
      </c>
      <c r="D68" t="s">
        <v>25</v>
      </c>
      <c r="E68" t="s">
        <v>31</v>
      </c>
      <c r="F68" t="s">
        <v>12</v>
      </c>
      <c r="G68" t="s">
        <v>254</v>
      </c>
      <c r="H68" t="s">
        <v>21</v>
      </c>
      <c r="I68" t="s">
        <v>33</v>
      </c>
      <c r="J68" t="s">
        <v>255</v>
      </c>
      <c r="K68" s="17" t="s">
        <v>249</v>
      </c>
    </row>
    <row r="69" spans="1:13" s="23" customFormat="1" x14ac:dyDescent="0.25">
      <c r="A69" s="21" t="s">
        <v>228</v>
      </c>
      <c r="B69" s="22" t="s">
        <v>253</v>
      </c>
      <c r="C69" s="23" t="s">
        <v>24</v>
      </c>
      <c r="D69" s="23" t="s">
        <v>25</v>
      </c>
      <c r="E69" s="23" t="s">
        <v>31</v>
      </c>
      <c r="F69" s="23" t="s">
        <v>12</v>
      </c>
      <c r="G69" s="23" t="s">
        <v>392</v>
      </c>
      <c r="H69" s="23" t="s">
        <v>21</v>
      </c>
      <c r="I69" s="23" t="s">
        <v>33</v>
      </c>
      <c r="K69" s="17" t="s">
        <v>184</v>
      </c>
    </row>
    <row r="70" spans="1:13" x14ac:dyDescent="0.25">
      <c r="A70" s="1" t="s">
        <v>228</v>
      </c>
      <c r="B70" s="2" t="s">
        <v>256</v>
      </c>
      <c r="C70" t="s">
        <v>42</v>
      </c>
      <c r="D70" t="s">
        <v>25</v>
      </c>
      <c r="E70" t="s">
        <v>20</v>
      </c>
      <c r="F70" t="s">
        <v>12</v>
      </c>
      <c r="G70" t="s">
        <v>257</v>
      </c>
      <c r="H70" t="s">
        <v>60</v>
      </c>
      <c r="I70" t="s">
        <v>61</v>
      </c>
      <c r="J70" t="s">
        <v>258</v>
      </c>
      <c r="K70" s="17" t="s">
        <v>158</v>
      </c>
      <c r="M70" s="23"/>
    </row>
    <row r="71" spans="1:13" x14ac:dyDescent="0.25">
      <c r="A71" s="1" t="s">
        <v>205</v>
      </c>
      <c r="B71" s="2" t="s">
        <v>260</v>
      </c>
      <c r="C71" t="s">
        <v>15</v>
      </c>
      <c r="D71" t="s">
        <v>19</v>
      </c>
      <c r="E71" t="s">
        <v>20</v>
      </c>
      <c r="F71" t="s">
        <v>12</v>
      </c>
      <c r="G71" t="s">
        <v>261</v>
      </c>
      <c r="H71" t="s">
        <v>21</v>
      </c>
      <c r="I71" t="s">
        <v>22</v>
      </c>
      <c r="J71" t="s">
        <v>262</v>
      </c>
      <c r="K71" s="17" t="s">
        <v>164</v>
      </c>
    </row>
    <row r="72" spans="1:13" x14ac:dyDescent="0.25">
      <c r="B72" s="30">
        <v>43369</v>
      </c>
      <c r="C72" s="3" t="s">
        <v>84</v>
      </c>
      <c r="D72" s="27">
        <v>0.72916666666666663</v>
      </c>
      <c r="E72" s="3" t="s">
        <v>243</v>
      </c>
      <c r="F72" s="3" t="s">
        <v>12</v>
      </c>
      <c r="G72" s="3" t="s">
        <v>244</v>
      </c>
      <c r="H72" s="3" t="s">
        <v>246</v>
      </c>
      <c r="I72" s="3" t="s">
        <v>390</v>
      </c>
      <c r="K72" s="3" t="s">
        <v>168</v>
      </c>
    </row>
    <row r="73" spans="1:13" x14ac:dyDescent="0.25">
      <c r="A73" s="1" t="s">
        <v>259</v>
      </c>
      <c r="B73" s="2" t="s">
        <v>263</v>
      </c>
      <c r="C73" t="s">
        <v>42</v>
      </c>
      <c r="D73" t="s">
        <v>25</v>
      </c>
      <c r="E73" t="s">
        <v>65</v>
      </c>
      <c r="F73" t="s">
        <v>12</v>
      </c>
      <c r="G73" t="s">
        <v>264</v>
      </c>
      <c r="H73" t="s">
        <v>133</v>
      </c>
      <c r="I73" t="s">
        <v>68</v>
      </c>
      <c r="J73" t="s">
        <v>265</v>
      </c>
      <c r="K73" s="17" t="s">
        <v>161</v>
      </c>
    </row>
    <row r="74" spans="1:13" x14ac:dyDescent="0.25">
      <c r="A74" s="1" t="s">
        <v>225</v>
      </c>
      <c r="B74" s="2" t="s">
        <v>263</v>
      </c>
      <c r="C74" t="s">
        <v>42</v>
      </c>
      <c r="D74" t="s">
        <v>25</v>
      </c>
      <c r="E74" t="s">
        <v>36</v>
      </c>
      <c r="F74" t="s">
        <v>12</v>
      </c>
      <c r="G74" t="s">
        <v>266</v>
      </c>
      <c r="H74" t="s">
        <v>60</v>
      </c>
      <c r="I74" t="s">
        <v>39</v>
      </c>
      <c r="J74" t="s">
        <v>267</v>
      </c>
      <c r="K74" s="17" t="s">
        <v>166</v>
      </c>
    </row>
    <row r="75" spans="1:13" s="3" customFormat="1" x14ac:dyDescent="0.25">
      <c r="A75" s="6" t="s">
        <v>187</v>
      </c>
      <c r="B75" s="42">
        <v>43371</v>
      </c>
      <c r="C75" s="3" t="s">
        <v>49</v>
      </c>
      <c r="E75" s="43" t="s">
        <v>382</v>
      </c>
      <c r="G75" s="3" t="s">
        <v>391</v>
      </c>
      <c r="I75" s="3" t="s">
        <v>384</v>
      </c>
      <c r="K75" s="3" t="s">
        <v>385</v>
      </c>
    </row>
    <row r="76" spans="1:13" s="3" customFormat="1" x14ac:dyDescent="0.25">
      <c r="A76" s="6" t="s">
        <v>187</v>
      </c>
      <c r="B76" s="42">
        <v>43371</v>
      </c>
      <c r="C76" s="3" t="s">
        <v>49</v>
      </c>
      <c r="E76" s="43" t="s">
        <v>382</v>
      </c>
      <c r="I76" s="3" t="s">
        <v>384</v>
      </c>
      <c r="K76" s="3" t="s">
        <v>241</v>
      </c>
    </row>
    <row r="77" spans="1:13" s="3" customFormat="1" x14ac:dyDescent="0.25">
      <c r="A77" s="6" t="s">
        <v>187</v>
      </c>
      <c r="B77" s="42">
        <v>43371</v>
      </c>
      <c r="C77" s="3" t="s">
        <v>49</v>
      </c>
      <c r="E77" s="43" t="s">
        <v>382</v>
      </c>
      <c r="I77" s="3" t="s">
        <v>384</v>
      </c>
      <c r="K77" s="3" t="s">
        <v>163</v>
      </c>
    </row>
    <row r="78" spans="1:13" x14ac:dyDescent="0.25">
      <c r="A78" s="1" t="s">
        <v>268</v>
      </c>
      <c r="B78" s="2" t="s">
        <v>269</v>
      </c>
      <c r="C78" t="s">
        <v>11</v>
      </c>
      <c r="D78" t="s">
        <v>52</v>
      </c>
      <c r="E78" t="s">
        <v>53</v>
      </c>
      <c r="F78" t="s">
        <v>12</v>
      </c>
      <c r="G78" t="s">
        <v>270</v>
      </c>
      <c r="H78" t="s">
        <v>21</v>
      </c>
      <c r="I78" t="s">
        <v>55</v>
      </c>
      <c r="J78" t="s">
        <v>271</v>
      </c>
      <c r="K78" s="17" t="s">
        <v>180</v>
      </c>
    </row>
    <row r="79" spans="1:13" x14ac:dyDescent="0.25">
      <c r="A79" s="1" t="s">
        <v>225</v>
      </c>
      <c r="B79" s="2" t="s">
        <v>269</v>
      </c>
      <c r="C79" t="s">
        <v>11</v>
      </c>
      <c r="D79" t="s">
        <v>52</v>
      </c>
      <c r="E79" t="s">
        <v>43</v>
      </c>
      <c r="F79" t="s">
        <v>12</v>
      </c>
      <c r="G79" t="s">
        <v>272</v>
      </c>
      <c r="H79" t="s">
        <v>28</v>
      </c>
      <c r="I79" t="s">
        <v>45</v>
      </c>
      <c r="J79" t="s">
        <v>273</v>
      </c>
      <c r="K79" s="17" t="s">
        <v>236</v>
      </c>
    </row>
    <row r="80" spans="1:13" x14ac:dyDescent="0.25">
      <c r="A80" s="1" t="s">
        <v>268</v>
      </c>
      <c r="B80" s="2" t="s">
        <v>274</v>
      </c>
      <c r="C80" t="s">
        <v>24</v>
      </c>
      <c r="D80" t="s">
        <v>25</v>
      </c>
      <c r="E80" t="s">
        <v>20</v>
      </c>
      <c r="F80" t="s">
        <v>12</v>
      </c>
      <c r="G80" t="s">
        <v>275</v>
      </c>
      <c r="H80" t="s">
        <v>21</v>
      </c>
      <c r="I80" t="s">
        <v>78</v>
      </c>
      <c r="J80" t="s">
        <v>276</v>
      </c>
      <c r="K80" s="3" t="s">
        <v>234</v>
      </c>
    </row>
    <row r="81" spans="1:11" x14ac:dyDescent="0.25">
      <c r="A81" s="1" t="s">
        <v>268</v>
      </c>
      <c r="B81" s="2" t="s">
        <v>274</v>
      </c>
      <c r="C81" t="s">
        <v>24</v>
      </c>
      <c r="D81" t="s">
        <v>25</v>
      </c>
      <c r="E81" t="s">
        <v>105</v>
      </c>
      <c r="F81" t="s">
        <v>12</v>
      </c>
      <c r="G81" t="s">
        <v>77</v>
      </c>
      <c r="H81" t="s">
        <v>28</v>
      </c>
      <c r="I81" t="s">
        <v>107</v>
      </c>
      <c r="J81" t="s">
        <v>277</v>
      </c>
      <c r="K81" s="3" t="s">
        <v>174</v>
      </c>
    </row>
    <row r="82" spans="1:11" x14ac:dyDescent="0.25">
      <c r="A82" s="1" t="s">
        <v>259</v>
      </c>
      <c r="B82" s="2" t="s">
        <v>278</v>
      </c>
      <c r="C82" t="s">
        <v>42</v>
      </c>
      <c r="D82" t="s">
        <v>25</v>
      </c>
      <c r="E82" t="s">
        <v>26</v>
      </c>
      <c r="F82" t="s">
        <v>12</v>
      </c>
      <c r="G82" t="s">
        <v>279</v>
      </c>
      <c r="H82" t="s">
        <v>28</v>
      </c>
      <c r="I82" t="s">
        <v>29</v>
      </c>
      <c r="J82" t="s">
        <v>280</v>
      </c>
      <c r="K82" s="17" t="s">
        <v>361</v>
      </c>
    </row>
    <row r="83" spans="1:11" x14ac:dyDescent="0.25">
      <c r="A83" s="1" t="s">
        <v>268</v>
      </c>
      <c r="B83" s="2" t="s">
        <v>278</v>
      </c>
      <c r="C83" t="s">
        <v>42</v>
      </c>
      <c r="D83" t="s">
        <v>25</v>
      </c>
      <c r="E83" t="s">
        <v>20</v>
      </c>
      <c r="F83" t="s">
        <v>12</v>
      </c>
      <c r="G83" t="s">
        <v>281</v>
      </c>
      <c r="H83" t="s">
        <v>60</v>
      </c>
      <c r="I83" t="s">
        <v>61</v>
      </c>
      <c r="J83" t="s">
        <v>282</v>
      </c>
      <c r="K83" s="3" t="s">
        <v>235</v>
      </c>
    </row>
    <row r="84" spans="1:11" x14ac:dyDescent="0.25">
      <c r="A84" s="24" t="s">
        <v>187</v>
      </c>
      <c r="B84" s="26" t="s">
        <v>386</v>
      </c>
      <c r="C84" s="7" t="s">
        <v>387</v>
      </c>
      <c r="D84" s="7"/>
      <c r="E84" s="25" t="s">
        <v>389</v>
      </c>
      <c r="F84" s="7"/>
      <c r="G84" s="7" t="s">
        <v>396</v>
      </c>
      <c r="H84" s="7"/>
      <c r="I84" s="7" t="s">
        <v>388</v>
      </c>
      <c r="J84" s="7"/>
      <c r="K84" s="7" t="s">
        <v>242</v>
      </c>
    </row>
    <row r="85" spans="1:11" x14ac:dyDescent="0.25">
      <c r="A85" s="24" t="s">
        <v>187</v>
      </c>
      <c r="B85" s="26" t="s">
        <v>386</v>
      </c>
      <c r="C85" s="7" t="s">
        <v>387</v>
      </c>
      <c r="D85" s="7"/>
      <c r="E85" s="25" t="s">
        <v>389</v>
      </c>
      <c r="F85" s="7"/>
      <c r="G85" s="7" t="s">
        <v>396</v>
      </c>
      <c r="H85" s="7"/>
      <c r="I85" s="7" t="s">
        <v>388</v>
      </c>
      <c r="J85" s="7"/>
      <c r="K85" s="41" t="s">
        <v>247</v>
      </c>
    </row>
    <row r="86" spans="1:11" x14ac:dyDescent="0.25">
      <c r="B86" s="30">
        <v>43390</v>
      </c>
      <c r="C86" s="3" t="s">
        <v>84</v>
      </c>
      <c r="D86" s="27">
        <v>0.72916666666666663</v>
      </c>
      <c r="E86" s="3" t="s">
        <v>243</v>
      </c>
      <c r="F86" s="3" t="s">
        <v>12</v>
      </c>
      <c r="G86" s="3" t="s">
        <v>248</v>
      </c>
      <c r="H86" s="3" t="s">
        <v>246</v>
      </c>
      <c r="I86" s="3" t="s">
        <v>390</v>
      </c>
      <c r="K86" s="3" t="s">
        <v>172</v>
      </c>
    </row>
    <row r="87" spans="1:11" x14ac:dyDescent="0.25">
      <c r="A87" s="1" t="s">
        <v>283</v>
      </c>
      <c r="B87" s="2" t="s">
        <v>284</v>
      </c>
      <c r="C87" t="s">
        <v>42</v>
      </c>
      <c r="D87" t="s">
        <v>25</v>
      </c>
      <c r="E87" t="s">
        <v>65</v>
      </c>
      <c r="F87" t="s">
        <v>12</v>
      </c>
      <c r="G87" t="s">
        <v>285</v>
      </c>
      <c r="H87" t="s">
        <v>133</v>
      </c>
      <c r="I87" t="s">
        <v>68</v>
      </c>
      <c r="J87" t="s">
        <v>286</v>
      </c>
      <c r="K87" s="3" t="s">
        <v>233</v>
      </c>
    </row>
    <row r="88" spans="1:11" x14ac:dyDescent="0.25">
      <c r="A88" s="21" t="s">
        <v>205</v>
      </c>
      <c r="B88" s="31">
        <v>43391</v>
      </c>
      <c r="C88" s="23" t="s">
        <v>42</v>
      </c>
      <c r="D88" s="28">
        <v>0.77083333333333337</v>
      </c>
      <c r="E88" s="23" t="s">
        <v>36</v>
      </c>
      <c r="F88" s="23" t="s">
        <v>12</v>
      </c>
      <c r="G88" s="23" t="s">
        <v>146</v>
      </c>
      <c r="H88" s="23" t="s">
        <v>60</v>
      </c>
      <c r="I88" s="23" t="s">
        <v>39</v>
      </c>
      <c r="J88" s="23" t="s">
        <v>224</v>
      </c>
      <c r="K88" s="17" t="s">
        <v>317</v>
      </c>
    </row>
    <row r="89" spans="1:11" x14ac:dyDescent="0.25">
      <c r="A89" s="1" t="s">
        <v>287</v>
      </c>
      <c r="B89" s="2" t="s">
        <v>288</v>
      </c>
      <c r="C89" t="s">
        <v>11</v>
      </c>
      <c r="D89" t="s">
        <v>52</v>
      </c>
      <c r="E89" t="s">
        <v>53</v>
      </c>
      <c r="F89" t="s">
        <v>12</v>
      </c>
      <c r="G89" t="s">
        <v>254</v>
      </c>
      <c r="H89" t="s">
        <v>21</v>
      </c>
      <c r="I89" t="s">
        <v>55</v>
      </c>
      <c r="J89" t="s">
        <v>289</v>
      </c>
      <c r="K89" s="3" t="s">
        <v>170</v>
      </c>
    </row>
    <row r="90" spans="1:11" x14ac:dyDescent="0.25">
      <c r="A90" s="1" t="s">
        <v>268</v>
      </c>
      <c r="B90" s="2" t="s">
        <v>290</v>
      </c>
      <c r="C90" t="s">
        <v>15</v>
      </c>
      <c r="D90" t="s">
        <v>19</v>
      </c>
      <c r="E90" t="s">
        <v>20</v>
      </c>
      <c r="F90" t="s">
        <v>12</v>
      </c>
      <c r="G90" t="s">
        <v>291</v>
      </c>
      <c r="H90" t="s">
        <v>21</v>
      </c>
      <c r="I90" t="s">
        <v>22</v>
      </c>
      <c r="J90" t="s">
        <v>292</v>
      </c>
      <c r="K90" s="3" t="s">
        <v>193</v>
      </c>
    </row>
    <row r="91" spans="1:11" x14ac:dyDescent="0.25">
      <c r="A91" s="1" t="s">
        <v>283</v>
      </c>
      <c r="B91" s="2" t="s">
        <v>293</v>
      </c>
      <c r="C91" t="s">
        <v>42</v>
      </c>
      <c r="D91" t="s">
        <v>25</v>
      </c>
      <c r="E91" t="s">
        <v>26</v>
      </c>
      <c r="F91" t="s">
        <v>12</v>
      </c>
      <c r="G91" t="s">
        <v>59</v>
      </c>
      <c r="H91" t="s">
        <v>28</v>
      </c>
      <c r="I91" t="s">
        <v>29</v>
      </c>
      <c r="J91" t="s">
        <v>294</v>
      </c>
      <c r="K91" s="3" t="s">
        <v>180</v>
      </c>
    </row>
  </sheetData>
  <autoFilter ref="A1:P91"/>
  <mergeCells count="1">
    <mergeCell ref="E30:G32"/>
  </mergeCell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66"/>
  <sheetViews>
    <sheetView topLeftCell="A7" workbookViewId="0">
      <selection activeCell="E38" sqref="E38"/>
    </sheetView>
  </sheetViews>
  <sheetFormatPr defaultColWidth="9.140625" defaultRowHeight="15" x14ac:dyDescent="0.25"/>
  <cols>
    <col min="1" max="1" width="38.140625" customWidth="1"/>
    <col min="3" max="3" width="24" customWidth="1"/>
    <col min="4" max="4" width="34.42578125" customWidth="1"/>
  </cols>
  <sheetData>
    <row r="1" spans="1:10" x14ac:dyDescent="0.25">
      <c r="A1" s="38" t="s">
        <v>350</v>
      </c>
      <c r="B1" s="39"/>
      <c r="C1" s="39"/>
      <c r="D1" s="40"/>
      <c r="E1" s="11"/>
      <c r="F1" s="11"/>
      <c r="G1" s="11"/>
      <c r="H1" s="11"/>
      <c r="I1" s="11"/>
      <c r="J1" s="11"/>
    </row>
    <row r="2" spans="1:10" s="15" customFormat="1" x14ac:dyDescent="0.25">
      <c r="A2" s="14" t="s">
        <v>351</v>
      </c>
      <c r="B2" s="14" t="s">
        <v>295</v>
      </c>
      <c r="C2" s="14" t="s">
        <v>296</v>
      </c>
      <c r="D2" s="14" t="s">
        <v>297</v>
      </c>
      <c r="E2" s="14" t="s">
        <v>298</v>
      </c>
      <c r="F2" s="14" t="s">
        <v>299</v>
      </c>
      <c r="G2" s="14" t="s">
        <v>300</v>
      </c>
      <c r="H2" s="14" t="s">
        <v>301</v>
      </c>
      <c r="I2" s="14" t="s">
        <v>302</v>
      </c>
      <c r="J2" s="14" t="s">
        <v>303</v>
      </c>
    </row>
    <row r="3" spans="1:10" s="3" customFormat="1" x14ac:dyDescent="0.25">
      <c r="A3" s="16" t="s">
        <v>381</v>
      </c>
      <c r="B3" s="16" t="s">
        <v>304</v>
      </c>
      <c r="C3" s="16" t="s">
        <v>305</v>
      </c>
      <c r="D3" s="12" t="s">
        <v>394</v>
      </c>
      <c r="E3" s="16">
        <v>91574803</v>
      </c>
      <c r="F3" s="16" t="s">
        <v>307</v>
      </c>
      <c r="G3" s="16" t="s">
        <v>307</v>
      </c>
      <c r="H3" s="16"/>
      <c r="I3" s="16"/>
      <c r="J3" s="16"/>
    </row>
    <row r="4" spans="1:10" s="3" customFormat="1" x14ac:dyDescent="0.25">
      <c r="A4" s="16" t="s">
        <v>393</v>
      </c>
      <c r="B4" s="16" t="s">
        <v>304</v>
      </c>
      <c r="C4" s="16" t="s">
        <v>305</v>
      </c>
      <c r="D4" s="12" t="s">
        <v>395</v>
      </c>
      <c r="E4" s="16">
        <v>90698209</v>
      </c>
      <c r="F4" s="16" t="s">
        <v>307</v>
      </c>
      <c r="G4" s="16" t="s">
        <v>307</v>
      </c>
      <c r="H4" s="16" t="s">
        <v>307</v>
      </c>
      <c r="I4" s="16"/>
      <c r="J4" s="16"/>
    </row>
    <row r="5" spans="1:10" x14ac:dyDescent="0.25">
      <c r="A5" s="11" t="s">
        <v>247</v>
      </c>
      <c r="B5" s="11" t="s">
        <v>304</v>
      </c>
      <c r="C5" s="11" t="s">
        <v>305</v>
      </c>
      <c r="D5" s="12" t="s">
        <v>306</v>
      </c>
      <c r="E5" s="11">
        <v>97067434</v>
      </c>
      <c r="F5" s="11" t="s">
        <v>307</v>
      </c>
      <c r="G5" s="11" t="s">
        <v>307</v>
      </c>
      <c r="H5" s="11" t="s">
        <v>307</v>
      </c>
      <c r="I5" s="11"/>
      <c r="J5" s="11"/>
    </row>
    <row r="6" spans="1:10" x14ac:dyDescent="0.25">
      <c r="A6" s="11" t="s">
        <v>242</v>
      </c>
      <c r="B6" s="11" t="s">
        <v>304</v>
      </c>
      <c r="C6" s="11" t="s">
        <v>305</v>
      </c>
      <c r="D6" s="12" t="s">
        <v>308</v>
      </c>
      <c r="E6" s="11">
        <v>90703753</v>
      </c>
      <c r="F6" s="11" t="s">
        <v>307</v>
      </c>
      <c r="G6" s="11" t="s">
        <v>307</v>
      </c>
      <c r="H6" s="11" t="s">
        <v>307</v>
      </c>
      <c r="I6" s="11"/>
      <c r="J6" s="11"/>
    </row>
    <row r="7" spans="1:10" x14ac:dyDescent="0.25">
      <c r="A7" s="11" t="s">
        <v>241</v>
      </c>
      <c r="B7" s="11" t="s">
        <v>304</v>
      </c>
      <c r="C7" s="11" t="s">
        <v>305</v>
      </c>
      <c r="D7" s="12" t="s">
        <v>309</v>
      </c>
      <c r="E7" s="11">
        <v>46612304</v>
      </c>
      <c r="F7" s="11" t="s">
        <v>307</v>
      </c>
      <c r="G7" s="11" t="s">
        <v>307</v>
      </c>
      <c r="H7" s="11" t="s">
        <v>307</v>
      </c>
      <c r="I7" s="11"/>
      <c r="J7" s="11"/>
    </row>
    <row r="8" spans="1:10" x14ac:dyDescent="0.25">
      <c r="A8" s="11"/>
      <c r="B8" s="11"/>
      <c r="C8" s="11"/>
      <c r="D8" s="11"/>
      <c r="E8" s="11"/>
      <c r="F8" s="11"/>
      <c r="G8" s="11"/>
      <c r="H8" s="11"/>
      <c r="I8" s="11"/>
      <c r="J8" s="11"/>
    </row>
    <row r="9" spans="1:10" x14ac:dyDescent="0.25">
      <c r="A9" s="11" t="s">
        <v>352</v>
      </c>
      <c r="B9" s="11" t="s">
        <v>353</v>
      </c>
      <c r="C9" s="11" t="s">
        <v>354</v>
      </c>
      <c r="D9" s="11"/>
      <c r="E9" s="11"/>
      <c r="F9" s="11" t="s">
        <v>307</v>
      </c>
      <c r="G9" s="11" t="s">
        <v>307</v>
      </c>
      <c r="H9" s="11" t="s">
        <v>307</v>
      </c>
      <c r="I9" s="11"/>
      <c r="J9" s="11"/>
    </row>
    <row r="10" spans="1:10" x14ac:dyDescent="0.25">
      <c r="A10" s="11" t="s">
        <v>355</v>
      </c>
      <c r="B10" s="11" t="s">
        <v>353</v>
      </c>
      <c r="C10" s="11" t="s">
        <v>354</v>
      </c>
      <c r="D10" s="11"/>
      <c r="E10" s="11"/>
      <c r="F10" s="11" t="s">
        <v>307</v>
      </c>
      <c r="G10" s="11" t="s">
        <v>307</v>
      </c>
      <c r="H10" s="11" t="s">
        <v>307</v>
      </c>
      <c r="I10" s="11"/>
      <c r="J10" s="11"/>
    </row>
    <row r="11" spans="1:10" x14ac:dyDescent="0.25">
      <c r="A11" s="11" t="s">
        <v>360</v>
      </c>
      <c r="B11" s="11" t="s">
        <v>353</v>
      </c>
      <c r="C11" s="11" t="s">
        <v>354</v>
      </c>
      <c r="D11" s="11"/>
      <c r="E11" s="11"/>
      <c r="F11" s="11" t="s">
        <v>307</v>
      </c>
      <c r="G11" s="11" t="s">
        <v>307</v>
      </c>
      <c r="H11" s="11" t="s">
        <v>307</v>
      </c>
      <c r="I11" s="11"/>
      <c r="J11" s="11"/>
    </row>
    <row r="12" spans="1:10" x14ac:dyDescent="0.25">
      <c r="A12" s="11" t="s">
        <v>362</v>
      </c>
      <c r="B12" s="11" t="s">
        <v>353</v>
      </c>
      <c r="C12" s="11" t="s">
        <v>354</v>
      </c>
      <c r="D12" s="11"/>
      <c r="E12" s="11"/>
      <c r="F12" s="11" t="s">
        <v>307</v>
      </c>
      <c r="G12" s="11" t="s">
        <v>307</v>
      </c>
      <c r="H12" s="11" t="s">
        <v>307</v>
      </c>
      <c r="I12" s="11"/>
      <c r="J12" s="11"/>
    </row>
    <row r="13" spans="1:10" x14ac:dyDescent="0.25">
      <c r="A13" s="11" t="s">
        <v>363</v>
      </c>
      <c r="B13" s="11" t="s">
        <v>353</v>
      </c>
      <c r="C13" s="11" t="s">
        <v>354</v>
      </c>
      <c r="D13" s="11"/>
      <c r="E13" s="11"/>
      <c r="F13" s="11" t="s">
        <v>307</v>
      </c>
      <c r="G13" s="11" t="s">
        <v>307</v>
      </c>
      <c r="H13" s="11" t="s">
        <v>307</v>
      </c>
      <c r="I13" s="11"/>
      <c r="J13" s="11"/>
    </row>
    <row r="14" spans="1:10" x14ac:dyDescent="0.25">
      <c r="A14" s="11" t="s">
        <v>364</v>
      </c>
      <c r="B14" s="11" t="s">
        <v>353</v>
      </c>
      <c r="C14" s="11" t="s">
        <v>354</v>
      </c>
      <c r="D14" s="11"/>
      <c r="E14" s="11"/>
      <c r="F14" s="11" t="s">
        <v>307</v>
      </c>
      <c r="G14" s="11" t="s">
        <v>307</v>
      </c>
      <c r="H14" s="11" t="s">
        <v>307</v>
      </c>
      <c r="I14" s="11"/>
      <c r="J14" s="11"/>
    </row>
    <row r="15" spans="1:10" x14ac:dyDescent="0.25">
      <c r="A15" s="11" t="s">
        <v>365</v>
      </c>
      <c r="B15" s="11" t="s">
        <v>353</v>
      </c>
      <c r="C15" s="11" t="s">
        <v>354</v>
      </c>
      <c r="D15" s="11"/>
      <c r="E15" s="11"/>
      <c r="F15" s="11" t="s">
        <v>307</v>
      </c>
      <c r="G15" s="11" t="s">
        <v>307</v>
      </c>
      <c r="H15" s="11" t="s">
        <v>307</v>
      </c>
      <c r="I15" s="11"/>
      <c r="J15" s="11"/>
    </row>
    <row r="16" spans="1:10" x14ac:dyDescent="0.25">
      <c r="A16" s="11" t="s">
        <v>366</v>
      </c>
      <c r="B16" s="11" t="s">
        <v>353</v>
      </c>
      <c r="C16" s="11" t="s">
        <v>354</v>
      </c>
      <c r="D16" s="11"/>
      <c r="E16" s="11"/>
      <c r="F16" s="11" t="s">
        <v>307</v>
      </c>
      <c r="G16" s="11" t="s">
        <v>307</v>
      </c>
      <c r="H16" s="11" t="s">
        <v>307</v>
      </c>
      <c r="I16" s="11"/>
      <c r="J16" s="11"/>
    </row>
    <row r="17" spans="1:10" x14ac:dyDescent="0.25">
      <c r="A17" s="11" t="s">
        <v>367</v>
      </c>
      <c r="B17" s="11" t="s">
        <v>353</v>
      </c>
      <c r="C17" s="11" t="s">
        <v>354</v>
      </c>
      <c r="D17" s="11"/>
      <c r="E17" s="11"/>
      <c r="F17" s="11" t="s">
        <v>307</v>
      </c>
      <c r="G17" s="11" t="s">
        <v>307</v>
      </c>
      <c r="H17" s="11" t="s">
        <v>307</v>
      </c>
      <c r="I17" s="11"/>
      <c r="J17" s="11"/>
    </row>
    <row r="18" spans="1:10" x14ac:dyDescent="0.25">
      <c r="A18" s="11" t="s">
        <v>368</v>
      </c>
      <c r="B18" s="11" t="s">
        <v>353</v>
      </c>
      <c r="C18" s="11" t="s">
        <v>354</v>
      </c>
      <c r="D18" s="11"/>
      <c r="E18" s="11"/>
      <c r="F18" s="11" t="s">
        <v>307</v>
      </c>
      <c r="G18" s="11" t="s">
        <v>307</v>
      </c>
      <c r="H18" s="11" t="s">
        <v>307</v>
      </c>
      <c r="I18" s="11"/>
      <c r="J18" s="11"/>
    </row>
    <row r="19" spans="1:10" x14ac:dyDescent="0.25">
      <c r="A19" s="11" t="s">
        <v>369</v>
      </c>
      <c r="B19" s="11" t="s">
        <v>353</v>
      </c>
      <c r="C19" s="11" t="s">
        <v>354</v>
      </c>
      <c r="D19" s="11"/>
      <c r="E19" s="11"/>
      <c r="F19" s="11" t="s">
        <v>307</v>
      </c>
      <c r="G19" s="11" t="s">
        <v>307</v>
      </c>
      <c r="H19" s="11" t="s">
        <v>307</v>
      </c>
      <c r="I19" s="11"/>
      <c r="J19" s="11"/>
    </row>
    <row r="20" spans="1:10" x14ac:dyDescent="0.25">
      <c r="A20" s="11" t="s">
        <v>370</v>
      </c>
      <c r="B20" s="11" t="s">
        <v>353</v>
      </c>
      <c r="C20" s="11" t="s">
        <v>354</v>
      </c>
      <c r="D20" s="11"/>
      <c r="E20" s="11"/>
      <c r="F20" s="11" t="s">
        <v>307</v>
      </c>
      <c r="G20" s="11" t="s">
        <v>307</v>
      </c>
      <c r="H20" s="11" t="s">
        <v>307</v>
      </c>
      <c r="I20" s="11"/>
      <c r="J20" s="11"/>
    </row>
    <row r="21" spans="1:10" x14ac:dyDescent="0.25">
      <c r="A21" s="11" t="s">
        <v>371</v>
      </c>
      <c r="B21" s="11" t="s">
        <v>353</v>
      </c>
      <c r="C21" s="11" t="s">
        <v>354</v>
      </c>
      <c r="D21" s="11"/>
      <c r="E21" s="11"/>
      <c r="F21" s="11" t="s">
        <v>307</v>
      </c>
      <c r="G21" s="11" t="s">
        <v>307</v>
      </c>
      <c r="H21" s="11" t="s">
        <v>307</v>
      </c>
      <c r="I21" s="11"/>
      <c r="J21" s="11"/>
    </row>
    <row r="22" spans="1:10" x14ac:dyDescent="0.25">
      <c r="A22" s="11" t="s">
        <v>372</v>
      </c>
      <c r="B22" s="11" t="s">
        <v>353</v>
      </c>
      <c r="C22" s="11" t="s">
        <v>354</v>
      </c>
      <c r="D22" s="11"/>
      <c r="E22" s="11"/>
      <c r="F22" s="11" t="s">
        <v>307</v>
      </c>
      <c r="G22" s="11" t="s">
        <v>307</v>
      </c>
      <c r="H22" s="11" t="s">
        <v>307</v>
      </c>
      <c r="I22" s="11"/>
      <c r="J22" s="11"/>
    </row>
    <row r="23" spans="1:10" x14ac:dyDescent="0.25">
      <c r="A23" s="11" t="s">
        <v>373</v>
      </c>
      <c r="B23" s="11" t="s">
        <v>353</v>
      </c>
      <c r="C23" s="11" t="s">
        <v>354</v>
      </c>
      <c r="D23" s="11"/>
      <c r="E23" s="11"/>
      <c r="F23" s="11" t="s">
        <v>307</v>
      </c>
      <c r="G23" s="11" t="s">
        <v>307</v>
      </c>
      <c r="H23" s="11" t="s">
        <v>307</v>
      </c>
      <c r="I23" s="11"/>
      <c r="J23" s="11"/>
    </row>
    <row r="24" spans="1:10" x14ac:dyDescent="0.25">
      <c r="A24" s="11" t="s">
        <v>374</v>
      </c>
      <c r="B24" s="11" t="s">
        <v>353</v>
      </c>
      <c r="C24" s="11" t="s">
        <v>354</v>
      </c>
      <c r="D24" s="11"/>
      <c r="E24" s="11"/>
      <c r="F24" s="11" t="s">
        <v>307</v>
      </c>
      <c r="G24" s="11" t="s">
        <v>307</v>
      </c>
      <c r="H24" s="11" t="s">
        <v>307</v>
      </c>
      <c r="I24" s="11"/>
      <c r="J24" s="11"/>
    </row>
    <row r="25" spans="1:10" x14ac:dyDescent="0.25">
      <c r="A25" s="11" t="s">
        <v>375</v>
      </c>
      <c r="B25" s="11" t="s">
        <v>353</v>
      </c>
      <c r="C25" s="11" t="s">
        <v>354</v>
      </c>
      <c r="D25" s="11"/>
      <c r="E25" s="11"/>
      <c r="F25" s="11" t="s">
        <v>307</v>
      </c>
      <c r="G25" s="11" t="s">
        <v>307</v>
      </c>
      <c r="H25" s="11" t="s">
        <v>307</v>
      </c>
      <c r="I25" s="11"/>
      <c r="J25" s="11"/>
    </row>
    <row r="26" spans="1:10" x14ac:dyDescent="0.25">
      <c r="A26" s="11" t="s">
        <v>376</v>
      </c>
      <c r="B26" s="11" t="s">
        <v>353</v>
      </c>
      <c r="C26" s="11" t="s">
        <v>354</v>
      </c>
      <c r="D26" s="11"/>
      <c r="E26" s="11"/>
      <c r="F26" s="11" t="s">
        <v>307</v>
      </c>
      <c r="G26" s="11" t="s">
        <v>307</v>
      </c>
      <c r="H26" s="11" t="s">
        <v>307</v>
      </c>
      <c r="I26" s="11"/>
      <c r="J26" s="11"/>
    </row>
    <row r="27" spans="1:10" x14ac:dyDescent="0.25">
      <c r="A27" s="11" t="s">
        <v>377</v>
      </c>
      <c r="B27" s="11" t="s">
        <v>353</v>
      </c>
      <c r="C27" s="11" t="s">
        <v>354</v>
      </c>
      <c r="D27" s="11"/>
      <c r="E27" s="11"/>
      <c r="F27" s="11" t="s">
        <v>307</v>
      </c>
      <c r="G27" s="11" t="s">
        <v>307</v>
      </c>
      <c r="H27" s="11" t="s">
        <v>307</v>
      </c>
      <c r="I27" s="11"/>
      <c r="J27" s="11"/>
    </row>
    <row r="28" spans="1:10" x14ac:dyDescent="0.25">
      <c r="A28" s="11" t="s">
        <v>378</v>
      </c>
      <c r="B28" s="11" t="s">
        <v>353</v>
      </c>
      <c r="C28" s="11" t="s">
        <v>354</v>
      </c>
      <c r="D28" s="11"/>
      <c r="E28" s="11"/>
      <c r="F28" s="11" t="s">
        <v>307</v>
      </c>
      <c r="G28" s="11" t="s">
        <v>307</v>
      </c>
      <c r="H28" s="11" t="s">
        <v>307</v>
      </c>
      <c r="I28" s="11"/>
      <c r="J28" s="11"/>
    </row>
    <row r="29" spans="1:10" x14ac:dyDescent="0.25">
      <c r="A29" s="11"/>
      <c r="B29" s="11"/>
      <c r="C29" s="11"/>
      <c r="D29" s="11"/>
      <c r="E29" s="11"/>
      <c r="F29" s="11"/>
      <c r="G29" s="11"/>
      <c r="H29" s="11"/>
      <c r="I29" s="11"/>
      <c r="J29" s="11"/>
    </row>
    <row r="30" spans="1:10" x14ac:dyDescent="0.25">
      <c r="A30" s="11" t="s">
        <v>161</v>
      </c>
      <c r="B30" s="11" t="s">
        <v>314</v>
      </c>
      <c r="C30" s="11" t="s">
        <v>305</v>
      </c>
      <c r="D30" s="12" t="s">
        <v>316</v>
      </c>
      <c r="E30" s="11">
        <v>98199231</v>
      </c>
      <c r="F30" s="11" t="s">
        <v>312</v>
      </c>
      <c r="G30" s="11" t="s">
        <v>312</v>
      </c>
      <c r="H30" s="11" t="s">
        <v>312</v>
      </c>
      <c r="I30" s="11"/>
      <c r="J30" s="11"/>
    </row>
    <row r="31" spans="1:10" x14ac:dyDescent="0.25">
      <c r="A31" s="11" t="s">
        <v>317</v>
      </c>
      <c r="B31" s="11" t="s">
        <v>314</v>
      </c>
      <c r="C31" s="11" t="s">
        <v>305</v>
      </c>
      <c r="D31" s="12" t="s">
        <v>318</v>
      </c>
      <c r="E31" s="11">
        <v>97620894</v>
      </c>
      <c r="F31" s="11"/>
      <c r="G31" s="11" t="s">
        <v>312</v>
      </c>
      <c r="H31" s="11"/>
      <c r="I31" s="11"/>
      <c r="J31" s="11"/>
    </row>
    <row r="32" spans="1:10" x14ac:dyDescent="0.25">
      <c r="A32" s="11" t="s">
        <v>180</v>
      </c>
      <c r="B32" s="11" t="s">
        <v>314</v>
      </c>
      <c r="C32" s="11" t="s">
        <v>305</v>
      </c>
      <c r="D32" s="12" t="s">
        <v>319</v>
      </c>
      <c r="E32" s="11">
        <v>48190363</v>
      </c>
      <c r="F32" s="11"/>
      <c r="G32" s="11" t="s">
        <v>312</v>
      </c>
      <c r="H32" s="11"/>
      <c r="I32" s="11"/>
      <c r="J32" s="11"/>
    </row>
    <row r="33" spans="1:10" x14ac:dyDescent="0.25">
      <c r="A33" s="11"/>
      <c r="B33" s="11"/>
      <c r="C33" s="11"/>
      <c r="D33" s="12"/>
      <c r="E33" s="11"/>
      <c r="F33" s="11"/>
      <c r="G33" s="11"/>
      <c r="H33" s="11"/>
      <c r="I33" s="11"/>
      <c r="J33" s="11"/>
    </row>
    <row r="34" spans="1:10" x14ac:dyDescent="0.25">
      <c r="A34" s="11" t="s">
        <v>356</v>
      </c>
      <c r="B34" s="11" t="s">
        <v>310</v>
      </c>
      <c r="C34" s="11" t="s">
        <v>354</v>
      </c>
      <c r="D34" s="11"/>
      <c r="E34" s="11"/>
      <c r="F34" s="11" t="s">
        <v>307</v>
      </c>
      <c r="G34" s="11" t="s">
        <v>307</v>
      </c>
      <c r="H34" s="11" t="s">
        <v>307</v>
      </c>
      <c r="I34" s="11"/>
      <c r="J34" s="11"/>
    </row>
    <row r="35" spans="1:10" x14ac:dyDescent="0.25">
      <c r="A35" s="11" t="s">
        <v>357</v>
      </c>
      <c r="B35" s="11" t="s">
        <v>310</v>
      </c>
      <c r="C35" s="11" t="s">
        <v>354</v>
      </c>
      <c r="D35" s="11"/>
      <c r="E35" s="11"/>
      <c r="F35" s="11" t="s">
        <v>307</v>
      </c>
      <c r="G35" s="11" t="s">
        <v>307</v>
      </c>
      <c r="H35" s="11" t="s">
        <v>307</v>
      </c>
      <c r="I35" s="11"/>
      <c r="J35" s="11"/>
    </row>
    <row r="36" spans="1:10" x14ac:dyDescent="0.25">
      <c r="A36" s="11" t="s">
        <v>358</v>
      </c>
      <c r="B36" s="11" t="s">
        <v>310</v>
      </c>
      <c r="C36" s="11" t="s">
        <v>354</v>
      </c>
      <c r="D36" s="11"/>
      <c r="E36" s="11"/>
      <c r="F36" s="11" t="s">
        <v>307</v>
      </c>
      <c r="G36" s="11" t="s">
        <v>307</v>
      </c>
      <c r="H36" s="11" t="s">
        <v>307</v>
      </c>
      <c r="I36" s="11"/>
      <c r="J36" s="11"/>
    </row>
    <row r="37" spans="1:10" x14ac:dyDescent="0.25">
      <c r="A37" s="11" t="s">
        <v>359</v>
      </c>
      <c r="B37" s="11" t="s">
        <v>310</v>
      </c>
      <c r="C37" s="11" t="s">
        <v>354</v>
      </c>
      <c r="D37" s="11"/>
      <c r="E37" s="11"/>
      <c r="F37" s="11" t="s">
        <v>307</v>
      </c>
      <c r="G37" s="11" t="s">
        <v>307</v>
      </c>
      <c r="H37" s="11" t="s">
        <v>307</v>
      </c>
      <c r="I37" s="11"/>
      <c r="J37" s="11"/>
    </row>
    <row r="38" spans="1:10" x14ac:dyDescent="0.25">
      <c r="A38" s="11" t="s">
        <v>361</v>
      </c>
      <c r="B38" s="11" t="s">
        <v>310</v>
      </c>
      <c r="C38" s="11" t="s">
        <v>354</v>
      </c>
      <c r="D38" s="12" t="s">
        <v>397</v>
      </c>
      <c r="E38" s="11">
        <v>46515014</v>
      </c>
      <c r="F38" s="11" t="s">
        <v>307</v>
      </c>
      <c r="G38" s="11" t="s">
        <v>307</v>
      </c>
      <c r="H38" s="11" t="s">
        <v>307</v>
      </c>
      <c r="I38" s="11"/>
      <c r="J38" s="11"/>
    </row>
    <row r="39" spans="1:10" x14ac:dyDescent="0.25">
      <c r="A39" s="11" t="s">
        <v>173</v>
      </c>
      <c r="B39" s="11" t="s">
        <v>310</v>
      </c>
      <c r="C39" s="11" t="s">
        <v>305</v>
      </c>
      <c r="D39" s="12" t="s">
        <v>311</v>
      </c>
      <c r="E39" s="11">
        <v>95528951</v>
      </c>
      <c r="F39" s="11" t="s">
        <v>312</v>
      </c>
      <c r="G39" s="11" t="s">
        <v>312</v>
      </c>
      <c r="H39" s="11" t="s">
        <v>312</v>
      </c>
      <c r="I39" s="11"/>
      <c r="J39" s="11"/>
    </row>
    <row r="40" spans="1:10" x14ac:dyDescent="0.25">
      <c r="A40" s="11" t="s">
        <v>233</v>
      </c>
      <c r="B40" s="11" t="s">
        <v>310</v>
      </c>
      <c r="C40" s="11" t="s">
        <v>305</v>
      </c>
      <c r="D40" s="12" t="s">
        <v>313</v>
      </c>
      <c r="E40" s="11">
        <v>41200190</v>
      </c>
      <c r="F40" s="11" t="s">
        <v>312</v>
      </c>
      <c r="G40" s="11" t="s">
        <v>312</v>
      </c>
      <c r="H40" s="11" t="s">
        <v>307</v>
      </c>
      <c r="I40" s="11"/>
      <c r="J40" s="11"/>
    </row>
    <row r="41" spans="1:10" x14ac:dyDescent="0.25">
      <c r="A41" s="11" t="s">
        <v>184</v>
      </c>
      <c r="B41" s="11" t="s">
        <v>310</v>
      </c>
      <c r="C41" s="11" t="s">
        <v>305</v>
      </c>
      <c r="D41" s="12" t="s">
        <v>320</v>
      </c>
      <c r="E41" s="11">
        <v>91590688</v>
      </c>
      <c r="F41" s="11"/>
      <c r="G41" s="11" t="s">
        <v>312</v>
      </c>
      <c r="H41" s="11" t="s">
        <v>307</v>
      </c>
      <c r="I41" s="11"/>
      <c r="J41" s="11"/>
    </row>
    <row r="42" spans="1:10" x14ac:dyDescent="0.25">
      <c r="A42" s="11" t="s">
        <v>170</v>
      </c>
      <c r="B42" s="11" t="s">
        <v>310</v>
      </c>
      <c r="C42" s="11" t="s">
        <v>305</v>
      </c>
      <c r="D42" s="12" t="s">
        <v>321</v>
      </c>
      <c r="E42" s="11">
        <v>41793810</v>
      </c>
      <c r="F42" s="11"/>
      <c r="G42" s="11" t="s">
        <v>312</v>
      </c>
      <c r="H42" s="11" t="s">
        <v>312</v>
      </c>
      <c r="I42" s="11"/>
      <c r="J42" s="11"/>
    </row>
    <row r="43" spans="1:10" x14ac:dyDescent="0.25">
      <c r="A43" s="11" t="s">
        <v>171</v>
      </c>
      <c r="B43" s="11" t="s">
        <v>310</v>
      </c>
      <c r="C43" s="11" t="s">
        <v>305</v>
      </c>
      <c r="D43" s="12" t="s">
        <v>322</v>
      </c>
      <c r="E43" s="11">
        <v>90478076</v>
      </c>
      <c r="F43" s="11"/>
      <c r="G43" s="11" t="s">
        <v>312</v>
      </c>
      <c r="H43" s="11" t="s">
        <v>312</v>
      </c>
      <c r="I43" s="11"/>
      <c r="J43" s="11"/>
    </row>
    <row r="44" spans="1:10" x14ac:dyDescent="0.25">
      <c r="A44" s="11" t="s">
        <v>174</v>
      </c>
      <c r="B44" s="11" t="s">
        <v>310</v>
      </c>
      <c r="C44" s="11" t="s">
        <v>305</v>
      </c>
      <c r="D44" s="12" t="s">
        <v>323</v>
      </c>
      <c r="E44" s="11">
        <v>97196656</v>
      </c>
      <c r="F44" s="11"/>
      <c r="G44" s="11" t="s">
        <v>312</v>
      </c>
      <c r="H44" s="11" t="s">
        <v>312</v>
      </c>
      <c r="I44" s="11"/>
      <c r="J44" s="11"/>
    </row>
    <row r="45" spans="1:10" x14ac:dyDescent="0.25">
      <c r="A45" s="11" t="s">
        <v>235</v>
      </c>
      <c r="B45" s="11" t="s">
        <v>310</v>
      </c>
      <c r="C45" s="11" t="s">
        <v>305</v>
      </c>
      <c r="D45" s="12" t="s">
        <v>324</v>
      </c>
      <c r="E45" s="11">
        <v>90231005</v>
      </c>
      <c r="F45" s="11"/>
      <c r="G45" s="11" t="s">
        <v>312</v>
      </c>
      <c r="H45" s="11" t="s">
        <v>312</v>
      </c>
      <c r="I45" s="11"/>
      <c r="J45" s="11"/>
    </row>
    <row r="46" spans="1:10" x14ac:dyDescent="0.25">
      <c r="A46" s="11" t="s">
        <v>167</v>
      </c>
      <c r="B46" s="11" t="s">
        <v>310</v>
      </c>
      <c r="C46" s="11" t="s">
        <v>305</v>
      </c>
      <c r="D46" s="12" t="s">
        <v>328</v>
      </c>
      <c r="E46" s="11">
        <v>94277624</v>
      </c>
      <c r="F46" s="11"/>
      <c r="G46" s="11"/>
      <c r="H46" s="11" t="s">
        <v>312</v>
      </c>
      <c r="I46" s="11"/>
      <c r="J46" s="11"/>
    </row>
    <row r="47" spans="1:10" x14ac:dyDescent="0.25">
      <c r="A47" s="11" t="s">
        <v>168</v>
      </c>
      <c r="B47" s="11" t="s">
        <v>310</v>
      </c>
      <c r="C47" s="11" t="s">
        <v>305</v>
      </c>
      <c r="D47" s="12" t="s">
        <v>329</v>
      </c>
      <c r="E47" s="11">
        <v>40535423</v>
      </c>
      <c r="F47" s="11"/>
      <c r="G47" s="11"/>
      <c r="H47" s="11" t="s">
        <v>312</v>
      </c>
      <c r="I47" s="11"/>
      <c r="J47" s="11"/>
    </row>
    <row r="48" spans="1:10" x14ac:dyDescent="0.25">
      <c r="A48" s="11" t="s">
        <v>169</v>
      </c>
      <c r="B48" s="11" t="s">
        <v>310</v>
      </c>
      <c r="C48" s="11" t="s">
        <v>305</v>
      </c>
      <c r="D48" s="12" t="s">
        <v>330</v>
      </c>
      <c r="E48" s="11">
        <v>94055881</v>
      </c>
      <c r="F48" s="11"/>
      <c r="G48" s="11"/>
      <c r="H48" s="11" t="s">
        <v>312</v>
      </c>
      <c r="I48" s="11"/>
      <c r="J48" s="11"/>
    </row>
    <row r="49" spans="1:10" x14ac:dyDescent="0.25">
      <c r="A49" s="11"/>
      <c r="B49" s="11"/>
      <c r="C49" s="11"/>
      <c r="D49" s="12"/>
      <c r="E49" s="11"/>
      <c r="F49" s="11"/>
      <c r="G49" s="11"/>
      <c r="H49" s="11"/>
      <c r="I49" s="11"/>
      <c r="J49" s="11"/>
    </row>
    <row r="50" spans="1:10" x14ac:dyDescent="0.25">
      <c r="A50" s="11" t="s">
        <v>158</v>
      </c>
      <c r="B50" s="11" t="s">
        <v>325</v>
      </c>
      <c r="C50" s="11" t="s">
        <v>305</v>
      </c>
      <c r="D50" s="12" t="s">
        <v>326</v>
      </c>
      <c r="E50" s="11">
        <v>94147610</v>
      </c>
      <c r="F50" s="11"/>
      <c r="G50" s="11" t="s">
        <v>312</v>
      </c>
      <c r="H50" s="11" t="s">
        <v>312</v>
      </c>
      <c r="I50" s="11" t="s">
        <v>312</v>
      </c>
      <c r="J50" s="11"/>
    </row>
    <row r="51" spans="1:10" x14ac:dyDescent="0.25">
      <c r="A51" s="11" t="s">
        <v>166</v>
      </c>
      <c r="B51" s="11" t="s">
        <v>332</v>
      </c>
      <c r="C51" s="11" t="s">
        <v>305</v>
      </c>
      <c r="D51" s="12" t="s">
        <v>335</v>
      </c>
      <c r="E51" s="11">
        <v>94896116</v>
      </c>
      <c r="F51" s="11" t="s">
        <v>312</v>
      </c>
      <c r="G51" s="11" t="s">
        <v>312</v>
      </c>
      <c r="H51" s="11" t="s">
        <v>312</v>
      </c>
      <c r="I51" s="11"/>
      <c r="J51" s="11"/>
    </row>
    <row r="52" spans="1:10" x14ac:dyDescent="0.25">
      <c r="A52" s="11" t="s">
        <v>163</v>
      </c>
      <c r="B52" s="11" t="s">
        <v>332</v>
      </c>
      <c r="C52" s="11" t="s">
        <v>305</v>
      </c>
      <c r="D52" s="12" t="s">
        <v>336</v>
      </c>
      <c r="E52" s="11">
        <v>48867530</v>
      </c>
      <c r="F52" s="11"/>
      <c r="G52" s="11"/>
      <c r="H52" s="11" t="s">
        <v>312</v>
      </c>
      <c r="I52" s="11" t="s">
        <v>312</v>
      </c>
      <c r="J52" s="11" t="s">
        <v>312</v>
      </c>
    </row>
    <row r="53" spans="1:10" x14ac:dyDescent="0.25">
      <c r="A53" s="11" t="s">
        <v>193</v>
      </c>
      <c r="B53" s="11" t="s">
        <v>332</v>
      </c>
      <c r="C53" s="11" t="s">
        <v>305</v>
      </c>
      <c r="D53" s="12" t="s">
        <v>342</v>
      </c>
      <c r="E53" s="11">
        <v>97390956</v>
      </c>
      <c r="F53" s="11"/>
      <c r="G53" s="11"/>
      <c r="H53" s="11"/>
      <c r="I53" s="11"/>
      <c r="J53" s="11" t="s">
        <v>312</v>
      </c>
    </row>
    <row r="54" spans="1:10" x14ac:dyDescent="0.25">
      <c r="A54" s="11" t="s">
        <v>172</v>
      </c>
      <c r="B54" s="11"/>
      <c r="C54" s="11" t="s">
        <v>305</v>
      </c>
      <c r="D54" s="12" t="s">
        <v>315</v>
      </c>
      <c r="E54" s="11">
        <v>95881182</v>
      </c>
      <c r="F54" s="11" t="s">
        <v>312</v>
      </c>
      <c r="G54" s="11" t="s">
        <v>312</v>
      </c>
      <c r="H54" s="11" t="s">
        <v>312</v>
      </c>
      <c r="I54" s="11"/>
      <c r="J54" s="11"/>
    </row>
    <row r="55" spans="1:10" x14ac:dyDescent="0.25">
      <c r="A55" s="11" t="s">
        <v>162</v>
      </c>
      <c r="B55" s="11"/>
      <c r="C55" s="11" t="s">
        <v>305</v>
      </c>
      <c r="D55" s="12" t="s">
        <v>327</v>
      </c>
      <c r="E55" s="11">
        <v>90918838</v>
      </c>
      <c r="F55" s="11"/>
      <c r="G55" s="11" t="s">
        <v>312</v>
      </c>
      <c r="H55" s="11" t="s">
        <v>312</v>
      </c>
      <c r="I55" s="11" t="s">
        <v>312</v>
      </c>
      <c r="J55" s="11"/>
    </row>
    <row r="56" spans="1:10" x14ac:dyDescent="0.25">
      <c r="A56" s="11" t="s">
        <v>164</v>
      </c>
      <c r="B56" s="11"/>
      <c r="C56" s="11" t="s">
        <v>305</v>
      </c>
      <c r="D56" s="12" t="s">
        <v>339</v>
      </c>
      <c r="E56" s="11">
        <v>91623834</v>
      </c>
      <c r="F56" s="11"/>
      <c r="G56" s="11"/>
      <c r="H56" s="11"/>
      <c r="I56" s="11" t="s">
        <v>312</v>
      </c>
      <c r="J56" s="11" t="s">
        <v>312</v>
      </c>
    </row>
    <row r="57" spans="1:10" x14ac:dyDescent="0.25">
      <c r="A57" s="11" t="s">
        <v>165</v>
      </c>
      <c r="B57" s="11"/>
      <c r="C57" s="11" t="s">
        <v>305</v>
      </c>
      <c r="D57" s="11"/>
      <c r="E57" s="11">
        <v>48129799</v>
      </c>
      <c r="F57" s="11"/>
      <c r="G57" s="11"/>
      <c r="H57" s="11"/>
      <c r="I57" s="11" t="s">
        <v>312</v>
      </c>
      <c r="J57" s="11"/>
    </row>
    <row r="58" spans="1:10" x14ac:dyDescent="0.25">
      <c r="A58" s="11"/>
      <c r="B58" s="11"/>
      <c r="C58" s="11"/>
      <c r="D58" s="11"/>
      <c r="E58" s="11"/>
      <c r="F58" s="11"/>
      <c r="G58" s="11"/>
      <c r="H58" s="11"/>
      <c r="I58" s="11"/>
      <c r="J58" s="11"/>
    </row>
    <row r="59" spans="1:10" x14ac:dyDescent="0.25">
      <c r="A59" s="14" t="s">
        <v>379</v>
      </c>
      <c r="B59" s="11"/>
      <c r="C59" s="11"/>
      <c r="D59" s="11"/>
      <c r="E59" s="11"/>
      <c r="F59" s="11"/>
      <c r="G59" s="11"/>
      <c r="H59" s="11"/>
      <c r="I59" s="11"/>
      <c r="J59" s="11"/>
    </row>
    <row r="60" spans="1:10" x14ac:dyDescent="0.25">
      <c r="A60" s="11" t="s">
        <v>331</v>
      </c>
      <c r="B60" s="11"/>
      <c r="C60" s="13" t="s">
        <v>333</v>
      </c>
      <c r="D60" s="12" t="s">
        <v>334</v>
      </c>
      <c r="E60" s="11">
        <v>98547720</v>
      </c>
      <c r="F60" s="11"/>
      <c r="G60" s="11"/>
      <c r="H60" s="11" t="s">
        <v>312</v>
      </c>
      <c r="I60" s="11" t="s">
        <v>312</v>
      </c>
      <c r="J60" s="11" t="s">
        <v>312</v>
      </c>
    </row>
    <row r="61" spans="1:10" x14ac:dyDescent="0.25">
      <c r="A61" s="11" t="s">
        <v>337</v>
      </c>
      <c r="B61" s="11"/>
      <c r="C61" s="13" t="s">
        <v>333</v>
      </c>
      <c r="D61" s="12" t="s">
        <v>338</v>
      </c>
      <c r="E61" s="11">
        <v>47372441</v>
      </c>
      <c r="F61" s="11"/>
      <c r="G61" s="11"/>
      <c r="H61" s="11" t="s">
        <v>312</v>
      </c>
      <c r="I61" s="11" t="s">
        <v>312</v>
      </c>
      <c r="J61" s="11" t="s">
        <v>312</v>
      </c>
    </row>
    <row r="62" spans="1:10" x14ac:dyDescent="0.25">
      <c r="A62" s="11" t="s">
        <v>340</v>
      </c>
      <c r="B62" s="11"/>
      <c r="C62" s="13" t="s">
        <v>333</v>
      </c>
      <c r="D62" s="12" t="s">
        <v>341</v>
      </c>
      <c r="E62" s="11">
        <v>90115878</v>
      </c>
      <c r="F62" s="11"/>
      <c r="G62" s="11"/>
      <c r="H62" s="11"/>
      <c r="I62" s="11"/>
      <c r="J62" s="11" t="s">
        <v>312</v>
      </c>
    </row>
    <row r="63" spans="1:10" x14ac:dyDescent="0.25">
      <c r="A63" s="11" t="s">
        <v>343</v>
      </c>
      <c r="B63" s="11"/>
      <c r="C63" s="13" t="s">
        <v>333</v>
      </c>
      <c r="D63" s="12" t="s">
        <v>344</v>
      </c>
      <c r="E63" s="11">
        <v>46846089</v>
      </c>
      <c r="F63" s="11"/>
      <c r="G63" s="11"/>
      <c r="H63" s="11"/>
      <c r="I63" s="11"/>
      <c r="J63" s="11" t="s">
        <v>312</v>
      </c>
    </row>
    <row r="64" spans="1:10" x14ac:dyDescent="0.25">
      <c r="A64" s="11" t="s">
        <v>348</v>
      </c>
      <c r="B64" s="11"/>
      <c r="C64" s="11" t="s">
        <v>349</v>
      </c>
      <c r="D64" s="11"/>
      <c r="E64" s="11"/>
      <c r="F64" s="11"/>
      <c r="G64" s="11"/>
      <c r="H64" s="11"/>
      <c r="I64" s="11"/>
      <c r="J64" s="11"/>
    </row>
    <row r="65" spans="1:10" x14ac:dyDescent="0.25">
      <c r="A65" s="11" t="s">
        <v>345</v>
      </c>
      <c r="B65" s="11"/>
      <c r="C65" s="11" t="s">
        <v>346</v>
      </c>
      <c r="D65" s="11"/>
      <c r="E65" s="11"/>
      <c r="F65" s="11"/>
      <c r="G65" s="11"/>
      <c r="H65" s="11"/>
      <c r="I65" s="11"/>
      <c r="J65" s="11"/>
    </row>
    <row r="66" spans="1:10" x14ac:dyDescent="0.25">
      <c r="A66" s="11" t="s">
        <v>347</v>
      </c>
      <c r="B66" s="11"/>
      <c r="C66" s="11" t="s">
        <v>346</v>
      </c>
      <c r="D66" s="11"/>
      <c r="E66" s="11"/>
      <c r="F66" s="11"/>
      <c r="G66" s="11"/>
      <c r="H66" s="11"/>
      <c r="I66" s="11"/>
      <c r="J66" s="11"/>
    </row>
  </sheetData>
  <autoFilter ref="A2:J2"/>
  <sortState ref="A4:J53">
    <sortCondition ref="B4:B53"/>
  </sortState>
  <mergeCells count="1">
    <mergeCell ref="A1:D1"/>
  </mergeCells>
  <hyperlinks>
    <hyperlink ref="D39" r:id="rId1" display="mailto:morten@bitas.no"/>
    <hyperlink ref="D40" r:id="rId2" display="mailto:grethehaakenstad@hotmail.com"/>
    <hyperlink ref="D54" r:id="rId3" display="mailto:niko1blom@gmail.com"/>
    <hyperlink ref="D30" r:id="rId4" display="mailto:sigridaajac@gmail.com"/>
    <hyperlink ref="D31" r:id="rId5" display="mailto:leaseh.s@gmail.com"/>
    <hyperlink ref="D32" r:id="rId6" display="mailto:heidistor@icloud.com"/>
    <hyperlink ref="D41" r:id="rId7" display="mailto:dennismonstad@gmail.com"/>
    <hyperlink ref="D42" r:id="rId8" display="mailto:misa@micro-matic.no"/>
    <hyperlink ref="D43" r:id="rId9" display="mailto:livberitones@yahoo.no"/>
    <hyperlink ref="D44" r:id="rId10" display="mailto:andreashernar04@gmail.com"/>
    <hyperlink ref="D45" r:id="rId11" display="mailto:harethaljoumaa@gmail.com"/>
    <hyperlink ref="D50" r:id="rId12" display="mailto:simonkjenes@gmail.com"/>
    <hyperlink ref="D55" r:id="rId13" display="mailto:simen193@hotmail.com"/>
    <hyperlink ref="D47" r:id="rId14" display="mailto:matskarbo@gmail.com"/>
    <hyperlink ref="D48" r:id="rId15" display="mailto:ove.henriksen@bkkfiber.no"/>
    <hyperlink ref="D60" r:id="rId16" display="mailto:kennethbergelie@gmail.com"/>
    <hyperlink ref="D51" r:id="rId17" display="mailto:lindagranberg@yahoo.no"/>
    <hyperlink ref="D52" r:id="rId18" display="mailto:aaleken@hotmail.com"/>
    <hyperlink ref="D61" r:id="rId19" display="mailto:henrikonarheim@outlook.com"/>
    <hyperlink ref="D56" r:id="rId20" display="mailto:bekka2202@hotmail.com"/>
    <hyperlink ref="D62" r:id="rId21" display="mailto:joachim.olsen@gmail.com"/>
    <hyperlink ref="D53" r:id="rId22" display="mailto:noelmihkel1@gmail.com"/>
    <hyperlink ref="D63" r:id="rId23" display="mailto:iben.kvernbit@hotmail.com"/>
    <hyperlink ref="D46" r:id="rId24"/>
    <hyperlink ref="D3" r:id="rId25"/>
    <hyperlink ref="D4" r:id="rId26"/>
    <hyperlink ref="D5" r:id="rId27"/>
    <hyperlink ref="D6" r:id="rId28"/>
    <hyperlink ref="D7" r:id="rId29"/>
    <hyperlink ref="D38" r:id="rId30"/>
  </hyperlinks>
  <pageMargins left="0.7" right="0.7" top="0.75" bottom="0.75" header="0.3" footer="0.3"/>
  <pageSetup paperSize="9" orientation="portrait" r:id="rId3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67"/>
  <sheetViews>
    <sheetView workbookViewId="0">
      <selection activeCell="E36" sqref="E36"/>
    </sheetView>
  </sheetViews>
  <sheetFormatPr defaultColWidth="9.140625" defaultRowHeight="15" x14ac:dyDescent="0.25"/>
  <cols>
    <col min="1" max="1" width="38.140625" customWidth="1"/>
    <col min="2" max="16384" width="9.140625" style="18"/>
  </cols>
  <sheetData>
    <row r="1" spans="1:3" x14ac:dyDescent="0.25">
      <c r="A1" s="18"/>
    </row>
    <row r="2" spans="1:3" x14ac:dyDescent="0.25">
      <c r="A2" s="14" t="s">
        <v>351</v>
      </c>
    </row>
    <row r="3" spans="1:3" x14ac:dyDescent="0.25">
      <c r="A3" s="16" t="s">
        <v>380</v>
      </c>
      <c r="C3" s="18">
        <v>1</v>
      </c>
    </row>
    <row r="4" spans="1:3" x14ac:dyDescent="0.25">
      <c r="A4" s="16" t="s">
        <v>381</v>
      </c>
      <c r="C4" s="18">
        <v>1</v>
      </c>
    </row>
    <row r="5" spans="1:3" x14ac:dyDescent="0.25">
      <c r="A5" s="11" t="s">
        <v>247</v>
      </c>
      <c r="B5" s="18">
        <v>0</v>
      </c>
      <c r="C5" s="18">
        <v>2</v>
      </c>
    </row>
    <row r="6" spans="1:3" x14ac:dyDescent="0.25">
      <c r="A6" s="11" t="s">
        <v>242</v>
      </c>
      <c r="B6" s="18">
        <v>1</v>
      </c>
      <c r="C6" s="18">
        <v>1</v>
      </c>
    </row>
    <row r="7" spans="1:3" x14ac:dyDescent="0.25">
      <c r="A7" s="11" t="s">
        <v>241</v>
      </c>
      <c r="B7" s="18">
        <v>1</v>
      </c>
      <c r="C7" s="18">
        <v>1</v>
      </c>
    </row>
    <row r="8" spans="1:3" x14ac:dyDescent="0.25">
      <c r="A8" s="11" t="s">
        <v>240</v>
      </c>
      <c r="B8" s="18">
        <v>1</v>
      </c>
      <c r="C8" s="18">
        <v>1</v>
      </c>
    </row>
    <row r="9" spans="1:3" x14ac:dyDescent="0.25">
      <c r="A9" s="11"/>
    </row>
    <row r="10" spans="1:3" x14ac:dyDescent="0.25">
      <c r="A10" s="11" t="s">
        <v>352</v>
      </c>
    </row>
    <row r="11" spans="1:3" x14ac:dyDescent="0.25">
      <c r="A11" s="11" t="s">
        <v>355</v>
      </c>
    </row>
    <row r="12" spans="1:3" x14ac:dyDescent="0.25">
      <c r="A12" s="11" t="s">
        <v>360</v>
      </c>
    </row>
    <row r="13" spans="1:3" x14ac:dyDescent="0.25">
      <c r="A13" s="11" t="s">
        <v>362</v>
      </c>
    </row>
    <row r="14" spans="1:3" x14ac:dyDescent="0.25">
      <c r="A14" s="11" t="s">
        <v>363</v>
      </c>
    </row>
    <row r="15" spans="1:3" x14ac:dyDescent="0.25">
      <c r="A15" s="11" t="s">
        <v>364</v>
      </c>
    </row>
    <row r="16" spans="1:3" x14ac:dyDescent="0.25">
      <c r="A16" s="11" t="s">
        <v>365</v>
      </c>
    </row>
    <row r="17" spans="1:3" x14ac:dyDescent="0.25">
      <c r="A17" s="11" t="s">
        <v>366</v>
      </c>
    </row>
    <row r="18" spans="1:3" x14ac:dyDescent="0.25">
      <c r="A18" s="11" t="s">
        <v>367</v>
      </c>
    </row>
    <row r="19" spans="1:3" x14ac:dyDescent="0.25">
      <c r="A19" s="11" t="s">
        <v>368</v>
      </c>
    </row>
    <row r="20" spans="1:3" x14ac:dyDescent="0.25">
      <c r="A20" s="11" t="s">
        <v>369</v>
      </c>
    </row>
    <row r="21" spans="1:3" x14ac:dyDescent="0.25">
      <c r="A21" s="11" t="s">
        <v>370</v>
      </c>
    </row>
    <row r="22" spans="1:3" x14ac:dyDescent="0.25">
      <c r="A22" s="11" t="s">
        <v>371</v>
      </c>
    </row>
    <row r="23" spans="1:3" x14ac:dyDescent="0.25">
      <c r="A23" s="11" t="s">
        <v>372</v>
      </c>
    </row>
    <row r="24" spans="1:3" x14ac:dyDescent="0.25">
      <c r="A24" s="11" t="s">
        <v>373</v>
      </c>
    </row>
    <row r="25" spans="1:3" x14ac:dyDescent="0.25">
      <c r="A25" s="11" t="s">
        <v>374</v>
      </c>
    </row>
    <row r="26" spans="1:3" x14ac:dyDescent="0.25">
      <c r="A26" s="11" t="s">
        <v>375</v>
      </c>
    </row>
    <row r="27" spans="1:3" x14ac:dyDescent="0.25">
      <c r="A27" s="11" t="s">
        <v>376</v>
      </c>
    </row>
    <row r="28" spans="1:3" x14ac:dyDescent="0.25">
      <c r="A28" s="11" t="s">
        <v>377</v>
      </c>
    </row>
    <row r="29" spans="1:3" x14ac:dyDescent="0.25">
      <c r="A29" s="11" t="s">
        <v>378</v>
      </c>
    </row>
    <row r="30" spans="1:3" x14ac:dyDescent="0.25">
      <c r="A30" s="11"/>
    </row>
    <row r="31" spans="1:3" x14ac:dyDescent="0.25">
      <c r="A31" s="11" t="s">
        <v>161</v>
      </c>
      <c r="B31" s="18">
        <v>3</v>
      </c>
      <c r="C31" s="18">
        <v>1</v>
      </c>
    </row>
    <row r="32" spans="1:3" s="20" customFormat="1" x14ac:dyDescent="0.25">
      <c r="A32" s="19" t="s">
        <v>317</v>
      </c>
      <c r="B32" s="20">
        <v>1</v>
      </c>
      <c r="C32" s="20">
        <v>1</v>
      </c>
    </row>
    <row r="33" spans="1:3" x14ac:dyDescent="0.25">
      <c r="A33" s="11" t="s">
        <v>180</v>
      </c>
      <c r="B33" s="18">
        <v>2</v>
      </c>
      <c r="C33" s="18">
        <v>1</v>
      </c>
    </row>
    <row r="34" spans="1:3" x14ac:dyDescent="0.25">
      <c r="A34" s="11"/>
    </row>
    <row r="35" spans="1:3" x14ac:dyDescent="0.25">
      <c r="A35" s="11" t="s">
        <v>356</v>
      </c>
    </row>
    <row r="36" spans="1:3" x14ac:dyDescent="0.25">
      <c r="A36" s="11" t="s">
        <v>357</v>
      </c>
    </row>
    <row r="37" spans="1:3" x14ac:dyDescent="0.25">
      <c r="A37" s="11" t="s">
        <v>358</v>
      </c>
    </row>
    <row r="38" spans="1:3" x14ac:dyDescent="0.25">
      <c r="A38" s="11" t="s">
        <v>359</v>
      </c>
    </row>
    <row r="39" spans="1:3" x14ac:dyDescent="0.25">
      <c r="A39" s="11" t="s">
        <v>361</v>
      </c>
      <c r="C39" s="18">
        <v>1</v>
      </c>
    </row>
    <row r="40" spans="1:3" x14ac:dyDescent="0.25">
      <c r="A40" s="11" t="s">
        <v>173</v>
      </c>
      <c r="B40" s="18">
        <v>2</v>
      </c>
      <c r="C40" s="18">
        <v>1</v>
      </c>
    </row>
    <row r="41" spans="1:3" x14ac:dyDescent="0.25">
      <c r="A41" s="11" t="s">
        <v>233</v>
      </c>
      <c r="B41" s="18">
        <v>2</v>
      </c>
      <c r="C41" s="18">
        <v>1</v>
      </c>
    </row>
    <row r="42" spans="1:3" x14ac:dyDescent="0.25">
      <c r="A42" s="11" t="s">
        <v>184</v>
      </c>
      <c r="B42" s="18">
        <v>2</v>
      </c>
      <c r="C42" s="18">
        <v>1</v>
      </c>
    </row>
    <row r="43" spans="1:3" x14ac:dyDescent="0.25">
      <c r="A43" s="11" t="s">
        <v>170</v>
      </c>
      <c r="B43" s="18">
        <v>2</v>
      </c>
      <c r="C43" s="18">
        <v>1</v>
      </c>
    </row>
    <row r="44" spans="1:3" s="20" customFormat="1" x14ac:dyDescent="0.25">
      <c r="A44" s="19" t="s">
        <v>171</v>
      </c>
      <c r="B44" s="20">
        <v>1</v>
      </c>
      <c r="C44" s="20">
        <v>1</v>
      </c>
    </row>
    <row r="45" spans="1:3" x14ac:dyDescent="0.25">
      <c r="A45" s="11" t="s">
        <v>174</v>
      </c>
      <c r="B45" s="18">
        <v>2</v>
      </c>
      <c r="C45" s="18">
        <v>1</v>
      </c>
    </row>
    <row r="46" spans="1:3" x14ac:dyDescent="0.25">
      <c r="A46" s="11" t="s">
        <v>235</v>
      </c>
      <c r="B46" s="18">
        <v>2</v>
      </c>
      <c r="C46" s="18">
        <v>1</v>
      </c>
    </row>
    <row r="47" spans="1:3" x14ac:dyDescent="0.25">
      <c r="A47" s="11" t="s">
        <v>167</v>
      </c>
      <c r="B47" s="18">
        <v>3</v>
      </c>
      <c r="C47" s="18">
        <v>1</v>
      </c>
    </row>
    <row r="48" spans="1:3" s="20" customFormat="1" x14ac:dyDescent="0.25">
      <c r="A48" s="19" t="s">
        <v>168</v>
      </c>
      <c r="B48" s="20">
        <v>1</v>
      </c>
      <c r="C48" s="20">
        <v>1</v>
      </c>
    </row>
    <row r="49" spans="1:3" s="20" customFormat="1" x14ac:dyDescent="0.25">
      <c r="A49" s="19" t="s">
        <v>169</v>
      </c>
      <c r="B49" s="20">
        <v>1</v>
      </c>
      <c r="C49" s="20">
        <v>1</v>
      </c>
    </row>
    <row r="50" spans="1:3" x14ac:dyDescent="0.25">
      <c r="A50" s="11"/>
    </row>
    <row r="51" spans="1:3" s="20" customFormat="1" x14ac:dyDescent="0.25">
      <c r="A51" s="19" t="s">
        <v>158</v>
      </c>
      <c r="B51" s="20">
        <v>1</v>
      </c>
      <c r="C51" s="20">
        <v>2</v>
      </c>
    </row>
    <row r="52" spans="1:3" s="20" customFormat="1" x14ac:dyDescent="0.25">
      <c r="A52" s="19" t="s">
        <v>166</v>
      </c>
      <c r="B52" s="20">
        <v>1</v>
      </c>
      <c r="C52" s="20">
        <v>1</v>
      </c>
    </row>
    <row r="53" spans="1:3" x14ac:dyDescent="0.25">
      <c r="A53" s="11" t="s">
        <v>163</v>
      </c>
      <c r="B53" s="18">
        <v>2</v>
      </c>
      <c r="C53" s="20">
        <v>1</v>
      </c>
    </row>
    <row r="54" spans="1:3" x14ac:dyDescent="0.25">
      <c r="A54" s="11" t="s">
        <v>193</v>
      </c>
      <c r="B54" s="18">
        <v>2</v>
      </c>
      <c r="C54" s="18">
        <v>1</v>
      </c>
    </row>
    <row r="55" spans="1:3" s="20" customFormat="1" x14ac:dyDescent="0.25">
      <c r="A55" s="19" t="s">
        <v>172</v>
      </c>
      <c r="B55" s="20">
        <v>1</v>
      </c>
      <c r="C55" s="20">
        <v>1</v>
      </c>
    </row>
    <row r="56" spans="1:3" x14ac:dyDescent="0.25">
      <c r="A56" s="11" t="s">
        <v>162</v>
      </c>
    </row>
    <row r="57" spans="1:3" x14ac:dyDescent="0.25">
      <c r="A57" s="11" t="s">
        <v>164</v>
      </c>
      <c r="B57" s="18">
        <v>3</v>
      </c>
      <c r="C57" s="20">
        <v>1</v>
      </c>
    </row>
    <row r="58" spans="1:3" x14ac:dyDescent="0.25">
      <c r="A58" s="11" t="s">
        <v>165</v>
      </c>
      <c r="B58" s="18">
        <v>2</v>
      </c>
    </row>
    <row r="59" spans="1:3" x14ac:dyDescent="0.25">
      <c r="A59" s="11"/>
    </row>
    <row r="60" spans="1:3" x14ac:dyDescent="0.25">
      <c r="A60" s="14" t="s">
        <v>379</v>
      </c>
    </row>
    <row r="61" spans="1:3" x14ac:dyDescent="0.25">
      <c r="A61" s="11" t="s">
        <v>331</v>
      </c>
    </row>
    <row r="62" spans="1:3" x14ac:dyDescent="0.25">
      <c r="A62" s="11" t="s">
        <v>337</v>
      </c>
    </row>
    <row r="63" spans="1:3" x14ac:dyDescent="0.25">
      <c r="A63" s="11" t="s">
        <v>340</v>
      </c>
    </row>
    <row r="64" spans="1:3" x14ac:dyDescent="0.25">
      <c r="A64" s="11" t="s">
        <v>343</v>
      </c>
    </row>
    <row r="65" spans="1:1" x14ac:dyDescent="0.25">
      <c r="A65" s="11" t="s">
        <v>348</v>
      </c>
    </row>
    <row r="66" spans="1:1" x14ac:dyDescent="0.25">
      <c r="A66" s="11" t="s">
        <v>345</v>
      </c>
    </row>
    <row r="67" spans="1:1" x14ac:dyDescent="0.25">
      <c r="A67" s="11" t="s">
        <v>347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Aug-medio sept.</vt:lpstr>
      <vt:lpstr>Dommarliste</vt:lpstr>
      <vt:lpstr>Sheet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augen, Atle</dc:creator>
  <cp:lastModifiedBy>Atle Haugen</cp:lastModifiedBy>
  <dcterms:created xsi:type="dcterms:W3CDTF">2018-04-20T06:09:39Z</dcterms:created>
  <dcterms:modified xsi:type="dcterms:W3CDTF">2018-09-21T05:46:41Z</dcterms:modified>
</cp:coreProperties>
</file>